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4.xml" ContentType="application/vnd.openxmlformats-officedocument.presentationml.tags+xml"/>
  <Override PartName="/ppt/notesSlides/notesSlide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7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5" r:id="rId1"/>
    <p:sldMasterId id="2147483687" r:id="rId2"/>
  </p:sldMasterIdLst>
  <p:notesMasterIdLst>
    <p:notesMasterId r:id="rId23"/>
  </p:notesMasterIdLst>
  <p:sldIdLst>
    <p:sldId id="1075" r:id="rId3"/>
    <p:sldId id="311" r:id="rId4"/>
    <p:sldId id="862" r:id="rId5"/>
    <p:sldId id="2147475936" r:id="rId6"/>
    <p:sldId id="2147475937" r:id="rId7"/>
    <p:sldId id="2147475938" r:id="rId8"/>
    <p:sldId id="2147475939" r:id="rId9"/>
    <p:sldId id="2147475940" r:id="rId10"/>
    <p:sldId id="2147475941" r:id="rId11"/>
    <p:sldId id="1076" r:id="rId12"/>
    <p:sldId id="1087" r:id="rId13"/>
    <p:sldId id="2147475971" r:id="rId14"/>
    <p:sldId id="2147475972" r:id="rId15"/>
    <p:sldId id="2147475973" r:id="rId16"/>
    <p:sldId id="851" r:id="rId17"/>
    <p:sldId id="746" r:id="rId18"/>
    <p:sldId id="1079" r:id="rId19"/>
    <p:sldId id="299" r:id="rId20"/>
    <p:sldId id="1086" r:id="rId21"/>
    <p:sldId id="300" r:id="rId22"/>
  </p:sldIdLst>
  <p:sldSz cx="12192000" cy="6858000"/>
  <p:notesSz cx="6858000" cy="9144000"/>
  <p:defaultTextStyle>
    <a:defPPr>
      <a:defRPr lang="en-CH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ection par défaut" id="{A075F6A7-C1E1-4D60-A6DD-D996C925A6DF}">
          <p14:sldIdLst>
            <p14:sldId id="1075"/>
            <p14:sldId id="311"/>
            <p14:sldId id="862"/>
            <p14:sldId id="2147475936"/>
            <p14:sldId id="2147475937"/>
            <p14:sldId id="2147475938"/>
            <p14:sldId id="2147475939"/>
            <p14:sldId id="2147475940"/>
            <p14:sldId id="2147475941"/>
            <p14:sldId id="1076"/>
            <p14:sldId id="1087"/>
            <p14:sldId id="2147475971"/>
            <p14:sldId id="2147475972"/>
            <p14:sldId id="2147475973"/>
            <p14:sldId id="851"/>
            <p14:sldId id="746"/>
            <p14:sldId id="1079"/>
            <p14:sldId id="299"/>
            <p14:sldId id="1086"/>
            <p14:sldId id="30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9E6E8"/>
    <a:srgbClr val="E95355"/>
    <a:srgbClr val="F5DDDA"/>
    <a:srgbClr val="00B9C5"/>
    <a:srgbClr val="835050"/>
    <a:srgbClr val="F16B67"/>
    <a:srgbClr val="276C71"/>
    <a:srgbClr val="FFDE79"/>
    <a:srgbClr val="364142"/>
    <a:srgbClr val="7E775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628" autoAdjust="0"/>
    <p:restoredTop sz="94674"/>
  </p:normalViewPr>
  <p:slideViewPr>
    <p:cSldViewPr snapToGrid="0" snapToObjects="1">
      <p:cViewPr varScale="1">
        <p:scale>
          <a:sx n="113" d="100"/>
          <a:sy n="113" d="100"/>
        </p:scale>
        <p:origin x="936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2166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heme" Target="theme/theme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tableStyles" Target="tableStyles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image" Target="../media/image43.png"/><Relationship Id="rId5" Type="http://schemas.openxmlformats.org/officeDocument/2006/relationships/image" Target="../media/image47.emf"/><Relationship Id="rId4" Type="http://schemas.openxmlformats.org/officeDocument/2006/relationships/image" Target="../media/image46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7.emf"/><Relationship Id="rId1" Type="http://schemas.openxmlformats.org/officeDocument/2006/relationships/image" Target="../media/image43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52C4039-C48D-4BC1-A1DE-0DB6AD326EA6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fr-FR"/>
        </a:p>
      </dgm:t>
    </dgm:pt>
    <dgm:pt modelId="{0106021C-9DAE-49C8-A8B9-1032A94D3FEF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Sr-82</a:t>
          </a:r>
        </a:p>
      </dgm:t>
    </dgm:pt>
    <dgm:pt modelId="{52DA7364-96A5-416B-BAEB-B08A3F31877A}" type="parTrans" cxnId="{861F7AA0-19D5-4DA1-94A3-731FA94A2F2D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18AA6188-FA17-4A65-B826-8BE651DEA1D3}" type="sibTrans" cxnId="{861F7AA0-19D5-4DA1-94A3-731FA94A2F2D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9BFD2E5-79E0-49C3-A382-43FB88B08B5F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Cu-64</a:t>
          </a:r>
        </a:p>
      </dgm:t>
    </dgm:pt>
    <dgm:pt modelId="{B8EFFAAD-B0EE-49DC-9B9C-D09ED72F5A41}" type="parTrans" cxnId="{D7A5056E-9E74-4019-879E-EE632F38FECC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C41678B-CD18-4907-A585-1EB8D2B0534C}" type="sibTrans" cxnId="{D7A5056E-9E74-4019-879E-EE632F38FECC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63FC01B-E76A-4EF2-83B6-48265067C23D}">
      <dgm:prSet phldrT="[Texte]"/>
      <dgm:spPr>
        <a:solidFill>
          <a:schemeClr val="accent1"/>
        </a:solidFill>
      </dgm:spPr>
      <dgm:t>
        <a:bodyPr/>
        <a:lstStyle/>
        <a:p>
          <a:r>
            <a:rPr lang="fr-FR" b="1" dirty="0">
              <a:solidFill>
                <a:schemeClr val="bg1"/>
              </a:solidFill>
            </a:rPr>
            <a:t>At-211</a:t>
          </a:r>
        </a:p>
      </dgm:t>
    </dgm:pt>
    <dgm:pt modelId="{04B2144D-8FFA-4406-A6D4-3040D8051039}" type="parTrans" cxnId="{1184FE98-CC14-4575-9F7E-C6D89BA15CC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A582809-1492-4F87-ACC5-DF33830A5B15}" type="sibTrans" cxnId="{1184FE98-CC14-4575-9F7E-C6D89BA15CC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8392A24-7598-489A-9ECC-A003660EAADB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Cu-67</a:t>
          </a:r>
        </a:p>
      </dgm:t>
    </dgm:pt>
    <dgm:pt modelId="{F3AF42A8-5544-4683-BB8E-BD738A42D959}" type="parTrans" cxnId="{EB948438-2E59-4C53-BFFE-4E22E1862CF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CF1A35E-F4E3-468B-B78A-B8B69F8CEBF0}" type="sibTrans" cxnId="{EB948438-2E59-4C53-BFFE-4E22E1862CF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54450056-0BBB-4D05-8D42-16290DA75758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Hg-197m</a:t>
          </a:r>
        </a:p>
      </dgm:t>
    </dgm:pt>
    <dgm:pt modelId="{927D1EA7-5D9D-40C7-891C-FAA2B41E80D1}" type="parTrans" cxnId="{0C16B00D-27C3-4301-8FDE-CDD0CAEA7CD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63DF855-707B-43D1-8F0F-2DFCB171A190}" type="sibTrans" cxnId="{0C16B00D-27C3-4301-8FDE-CDD0CAEA7CD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52719456-D95C-4A3A-AA47-600B42F5E11E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Ti-44/Sc-44</a:t>
          </a:r>
        </a:p>
      </dgm:t>
    </dgm:pt>
    <dgm:pt modelId="{0E2F0AB5-88E7-4061-9024-BD302F323907}" type="parTrans" cxnId="{3B323AAC-A903-4396-90DA-0A8761A76D4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9103A69-7C59-4820-900C-B35D5C18071B}" type="sibTrans" cxnId="{3B323AAC-A903-4396-90DA-0A8761A76D4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86DF711-A9C8-46B7-AE53-F33ACA49C64D}">
      <dgm:prSet phldrT="[Texte]"/>
      <dgm:spPr>
        <a:solidFill>
          <a:srgbClr val="002060"/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A50CB35F-301C-451E-93AC-D22FD3241D4B}" type="parTrans" cxnId="{B0F8C73D-E182-450E-BB30-67BA5701CA7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A01C741C-98AD-42A8-B8B5-915A1BE269C2}" type="sibTrans" cxnId="{B0F8C73D-E182-450E-BB30-67BA5701CA7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470CE87-ECEA-4288-B9BB-434299242411}">
      <dgm:prSet phldrT="[Texte]"/>
      <dgm:spPr>
        <a:solidFill>
          <a:srgbClr val="002060"/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3374C906-EC8D-43DF-9BF5-0E68FCAE1EC7}" type="parTrans" cxnId="{326CAE56-F840-47ED-969D-C20C4BBB096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55F3FB8-F217-4DD7-9236-B339A9ABBF84}" type="sibTrans" cxnId="{326CAE56-F840-47ED-969D-C20C4BBB096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487B8E6-BA34-4DB2-BFD3-0D50AF888B55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D09E8779-2EEE-476F-9276-C6F24F06806F}" type="parTrans" cxnId="{1DE50C07-55F3-42BC-B0AE-6711AABC685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58C7C1FB-507F-40AF-85A7-6571BCDE04EC}" type="sibTrans" cxnId="{1DE50C07-55F3-42BC-B0AE-6711AABC685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9B597F5-3C1B-46DD-A065-72E2ED556594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29F92052-9885-4E29-B74E-84E4F0363EEC}" type="parTrans" cxnId="{890B20D7-2618-4A72-8702-49533552807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4DECCD1-C816-44C0-B85D-1D8C8F5F71AC}" type="sibTrans" cxnId="{890B20D7-2618-4A72-8702-49533552807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25E5028-1911-4507-846D-D7800BCD8B4A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1D64BFB8-F77E-4236-AF18-9027AB1AD864}" type="parTrans" cxnId="{5F3514AC-4400-4A48-B64B-C5BB873555BA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6B1EAC3-DB42-4C0A-9466-427B0C85925B}" type="sibTrans" cxnId="{5F3514AC-4400-4A48-B64B-C5BB873555BA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15F934BA-739A-4AF1-AACA-997FD5931F26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FBF40BFC-CAB4-48FB-A669-2C7D67D60CCB}" type="parTrans" cxnId="{AB35AC3F-FD8A-4A00-AE95-2DCEE3D678EC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8A71F53-B25A-4950-B1EE-353BD5609E7F}" type="sibTrans" cxnId="{AB35AC3F-FD8A-4A00-AE95-2DCEE3D678EC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7604F43-0501-4403-8225-998D59EB6FAD}">
      <dgm:prSet phldrT="[Texte]"/>
      <dgm:spPr>
        <a:solidFill>
          <a:srgbClr val="002060"/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878583C4-C9BA-4253-91B3-05AF08394682}" type="parTrans" cxnId="{D43A7056-7290-499F-9C00-2FC91BD5066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A0850172-F955-4D56-8251-BECF3B78A739}" type="sibTrans" cxnId="{D43A7056-7290-499F-9C00-2FC91BD5066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E40D328-CF3E-484F-8D01-E2C3FB8C0B57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E078C730-FD77-43A8-8E6A-1C357EEBE428}" type="parTrans" cxnId="{5B1C3372-457A-4EA7-98F7-81DFA9670BE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F785C70-9FE3-4175-9B92-9A2FB773E436}" type="sibTrans" cxnId="{5B1C3372-457A-4EA7-98F7-81DFA9670BE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1E1A890-383C-4258-858A-9721D8F5D715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Pb-203</a:t>
          </a:r>
        </a:p>
      </dgm:t>
    </dgm:pt>
    <dgm:pt modelId="{AC00F1C4-8A3D-4321-9256-D642BFD80C58}" type="parTrans" cxnId="{4F41B151-B940-4668-8F69-3DD3564DB088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D1547B9-F59C-4520-82C7-BF2FAD5D08D3}" type="sibTrans" cxnId="{4F41B151-B940-4668-8F69-3DD3564DB088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E84E05FE-01DD-4DE7-AF8A-A9F9A2094273}">
      <dgm:prSet phldrT="[Texte]"/>
      <dgm:spPr>
        <a:solidFill>
          <a:schemeClr val="tx2">
            <a:lumMod val="20000"/>
            <a:lumOff val="80000"/>
            <a:alpha val="90000"/>
          </a:scheme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99D71DD8-10D9-4777-9C91-B2D4BD3D96B1}" type="parTrans" cxnId="{D18DF8A9-3171-4075-9EF9-1E1D205E0FD6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59B5F28-A837-4038-9389-A7976A06CB14}" type="sibTrans" cxnId="{D18DF8A9-3171-4075-9EF9-1E1D205E0FD6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243FE407-2FC7-4259-A80E-CEB0E74E40A4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5C15DC43-2965-46E4-B3BB-328D544B2604}" type="parTrans" cxnId="{4C83AD9E-4DE4-4261-8B9D-F9095B7422ED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0204B07-6C7B-48A4-869C-D540A35E3118}" type="sibTrans" cxnId="{4C83AD9E-4DE4-4261-8B9D-F9095B7422ED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EFF8441F-D754-49C0-A73E-CF206C3C6883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1123E570-8A90-49D0-A3A5-6EF50282DCA0}" type="parTrans" cxnId="{B23E3850-71E7-4C10-B8A5-728EDC2322A8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B372F56-80C9-4308-97D4-8A6FAA58F937}" type="sibTrans" cxnId="{B23E3850-71E7-4C10-B8A5-728EDC2322A8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4D568B58-371D-4D23-B1C9-F4145D1A11DE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79F175EF-DD85-4386-9672-2F08F205AC25}" type="parTrans" cxnId="{9382BA67-00C4-474D-8E39-26F9E0FEFE1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197A34AF-B582-49D0-A4D4-03CFF65CEF25}" type="sibTrans" cxnId="{9382BA67-00C4-474D-8E39-26F9E0FEFE1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60CE14E-8E2E-45B2-9E08-316A2D004A26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306CBAE8-D0CF-4773-818B-8117AC568410}" type="parTrans" cxnId="{00BDB0AF-0265-4D96-8649-FE3B92C8A14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FAED0EC-97AE-4FC6-910E-F7E375060C3B}" type="sibTrans" cxnId="{00BDB0AF-0265-4D96-8649-FE3B92C8A14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6D08DC4C-9278-40B0-88AD-1A9B77637BF4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7C51BFE2-7D0E-46AB-AF6A-F8C97A5C8ADD}" type="parTrans" cxnId="{10932620-F661-4270-9612-405A2992D7D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6BF5758-D3D0-4C19-9135-0701664DC3E9}" type="sibTrans" cxnId="{10932620-F661-4270-9612-405A2992D7D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31244C4-D3E2-4087-879D-06DD9EC301AA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4544D097-1CC3-467D-94DA-1FFC6F2D2FDD}" type="parTrans" cxnId="{D315E25E-100E-41EF-9419-C0847150971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AA652E2F-6EA2-494C-AB50-649E22EAE380}" type="sibTrans" cxnId="{D315E25E-100E-41EF-9419-C0847150971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1AF2739-CBC9-4BC8-9851-96CD0771279C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2E20AB32-45A9-46D8-B7F8-6120175D6669}" type="parTrans" cxnId="{C297C09B-B501-493E-B380-C687D239D42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4148E94-068F-41F0-8C40-817594957A38}" type="sibTrans" cxnId="{C297C09B-B501-493E-B380-C687D239D42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14630577-9385-4DE3-9B8B-036882663162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EA6CB63B-C39A-4370-9552-F282A6CDEBD4}" type="parTrans" cxnId="{6F7D883C-AEF9-4F02-881B-A9E7321D2E6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946EE6C-42CD-49BB-8718-66A159E52410}" type="sibTrans" cxnId="{6F7D883C-AEF9-4F02-881B-A9E7321D2E6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24363B23-281D-4BB1-BC50-DAA65EF7F881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F80B7F02-86F1-4822-9D94-DB97496BADD8}" type="parTrans" cxnId="{058565D3-0438-4A99-B2F0-AF7113E34B5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7B20FCA8-702D-4CBF-BD89-7A437D3358A1}" type="sibTrans" cxnId="{058565D3-0438-4A99-B2F0-AF7113E34B5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682DA07B-F69B-41E4-B7EF-66749708CBB9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AFDD64F7-6A0F-4D8E-82D0-1DD7A34D0481}" type="parTrans" cxnId="{16E1D9A1-8C73-4D07-B45A-971C6B6B1AC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CEDC004-4034-4DFC-AB41-EB2871BA2929}" type="sibTrans" cxnId="{16E1D9A1-8C73-4D07-B45A-971C6B6B1AC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63186A7-B3D6-43A1-B106-F4C471A529C9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2B119B80-FB67-4A9E-88A8-116709609131}" type="parTrans" cxnId="{D6E970FC-7736-4871-A70F-143BC3BC521A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A109750-8FC2-4E34-A855-CE2E26191246}" type="sibTrans" cxnId="{D6E970FC-7736-4871-A70F-143BC3BC521A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5843D5A-C4E2-473A-A167-13E49250A315}">
      <dgm:prSet phldrT="[Texte]"/>
      <dgm:spPr>
        <a:solidFill>
          <a:schemeClr val="accent2">
            <a:lumMod val="75000"/>
          </a:schemeClr>
        </a:solidFill>
      </dgm:spPr>
      <dgm:t>
        <a:bodyPr/>
        <a:lstStyle/>
        <a:p>
          <a:r>
            <a:rPr lang="fr-FR" b="1" dirty="0">
              <a:solidFill>
                <a:schemeClr val="bg1"/>
              </a:solidFill>
            </a:rPr>
            <a:t>Lu-177</a:t>
          </a:r>
        </a:p>
      </dgm:t>
    </dgm:pt>
    <dgm:pt modelId="{B6B40830-196D-482C-A1A9-6CAA24653176}" type="parTrans" cxnId="{7743785D-FE2A-401F-86E9-22ADB642770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AE51DEC9-E4A1-4806-8CB0-61D9242EBB72}" type="sibTrans" cxnId="{7743785D-FE2A-401F-86E9-22ADB6427705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ED2A793-E199-4136-822C-D8417537AF34}">
      <dgm:prSet phldrT="[Texte]"/>
      <dgm:spPr>
        <a:solidFill>
          <a:schemeClr val="bg1">
            <a:alpha val="90000"/>
          </a:schemeClr>
        </a:solidFill>
        <a:ln>
          <a:solidFill>
            <a:schemeClr val="bg1">
              <a:alpha val="90000"/>
            </a:schemeClr>
          </a:solidFill>
        </a:ln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553F030E-2C64-4137-9C07-C3E2BEE519FB}" type="parTrans" cxnId="{05C6D254-482E-4F69-94E0-9BA298F5011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DE38BFEC-B64D-4669-B195-B658E8E8AC27}" type="sibTrans" cxnId="{05C6D254-482E-4F69-94E0-9BA298F5011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FE0FB20-A57B-43A1-821D-9A1222388D19}">
      <dgm:prSet phldrT="[Texte]"/>
      <dgm:spPr>
        <a:solidFill>
          <a:schemeClr val="bg1">
            <a:alpha val="90000"/>
          </a:schemeClr>
        </a:solidFill>
        <a:ln>
          <a:solidFill>
            <a:schemeClr val="bg1">
              <a:alpha val="90000"/>
            </a:schemeClr>
          </a:solidFill>
        </a:ln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ACB4E047-DD90-456D-ADA4-74F40D969E6F}" type="parTrans" cxnId="{3B5D3792-102B-41DE-916C-5F624E7F019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E2B7B845-60BD-47B1-9975-6881DA5F337B}" type="sibTrans" cxnId="{3B5D3792-102B-41DE-916C-5F624E7F0193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0D934BF2-5AF9-4FE2-9D47-4D57258F3290}">
      <dgm:prSet phldrT="[Texte]"/>
      <dgm:spPr>
        <a:solidFill>
          <a:schemeClr val="bg1">
            <a:alpha val="90000"/>
          </a:schemeClr>
        </a:solidFill>
        <a:ln>
          <a:solidFill>
            <a:schemeClr val="bg1">
              <a:alpha val="90000"/>
            </a:schemeClr>
          </a:solidFill>
        </a:ln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F1FC7B89-5990-48F6-9E90-55CA981D9BA0}" type="parTrans" cxnId="{F4E0C834-A662-4567-AF78-ECFC85D05F9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0E6D352-A5A8-4F55-8EEE-9FEAC3E1C72F}" type="sibTrans" cxnId="{F4E0C834-A662-4567-AF78-ECFC85D05F9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6FD93FC-3600-487B-AFF3-6A7D2EBF6CE5}">
      <dgm:prSet phldrT="[Texte]"/>
      <dgm:spPr>
        <a:solidFill>
          <a:schemeClr val="bg1">
            <a:alpha val="90000"/>
          </a:schemeClr>
        </a:solidFill>
        <a:ln>
          <a:solidFill>
            <a:schemeClr val="bg1">
              <a:alpha val="90000"/>
            </a:schemeClr>
          </a:solidFill>
        </a:ln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04E6C6DC-5D7A-4FC5-A6AE-C8D9242F7AF9}" type="parTrans" cxnId="{DD0BD08F-5E08-4284-B798-00DE2D06024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6A93F2C6-1A8D-4A9A-AB96-DA538CF99950}" type="sibTrans" cxnId="{DD0BD08F-5E08-4284-B798-00DE2D06024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7A203708-7B9A-407E-AE71-D0D8FF5ACF67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D0D1D2F0-221F-416D-ADE0-42EFC05B2A88}" type="parTrans" cxnId="{8E1412C4-BE64-4440-9E1C-7178C583831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50FB3B73-52DF-4721-B1EB-7FC65F31A54B}" type="sibTrans" cxnId="{8E1412C4-BE64-4440-9E1C-7178C583831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426EC4C0-4D4E-418A-960D-D3EEB16C6579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F558C069-3C6D-4609-B54C-021C19DBD53E}" type="parTrans" cxnId="{414B260C-9A65-4364-B975-8DA9AE82547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B8F3D004-0A2D-4834-A514-DC07850FAB2D}" type="sibTrans" cxnId="{414B260C-9A65-4364-B975-8DA9AE825479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796456D3-6E7C-4583-9259-E704E51E9DD7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5125B9A6-101D-470F-942F-F2C9FCF7EFF1}" type="parTrans" cxnId="{314E6437-4739-4CD0-A779-2A0AED00DA3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7824E13-91F2-4799-A339-96C3682BE59F}" type="sibTrans" cxnId="{314E6437-4739-4CD0-A779-2A0AED00DA3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378AAA74-EBB6-492F-9409-275DF8D92F59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Ru-97</a:t>
          </a:r>
        </a:p>
      </dgm:t>
    </dgm:pt>
    <dgm:pt modelId="{91E05781-F7CB-4BC6-8AB3-18B650713ED3}" type="parTrans" cxnId="{4B6317F8-DC0B-4756-9E3D-4E04850C7544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EBC5B01-97BB-42AD-9B9D-A0D3BB8652EF}" type="sibTrans" cxnId="{4B6317F8-DC0B-4756-9E3D-4E04850C7544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4E4D267F-1517-44BB-9C94-E69BF770BC0F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3594F9AA-0C79-49D1-9D96-2462AD85578E}" type="parTrans" cxnId="{BFA6EEE2-72B9-48C2-B9DD-96C1C3CD58B6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F55F3629-79B0-489C-85C4-7E08883B031E}" type="sibTrans" cxnId="{BFA6EEE2-72B9-48C2-B9DD-96C1C3CD58B6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EAD30AA-3406-42ED-8C81-A2A5AEF8F0E6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42C6C4FB-E458-458D-9375-0579A1D72BDD}" type="parTrans" cxnId="{268667A3-DE47-4F92-B14F-5EACE30EB6B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F6C76B4-AE82-4DA6-85CC-62CFA7C96FD6}" type="sibTrans" cxnId="{268667A3-DE47-4F92-B14F-5EACE30EB6B0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FC0F495-5C12-41F4-B407-93BF85FA17C9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C0CFB050-5AE7-43CB-980A-04399524DEEB}" type="parTrans" cxnId="{04F193F4-860A-4016-9076-C4C74276431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68622164-0F0D-495A-96A6-5EABA3EC71C7}" type="sibTrans" cxnId="{04F193F4-860A-4016-9076-C4C742764311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E45CB670-EC98-4939-B489-02C3D780F1FF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FA7C842B-43F3-4F68-AAC0-5F0B5573A9D7}" type="sibTrans" cxnId="{BA1220BE-B91D-48E8-B364-7BA1865E853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E05120D-09D3-43E9-934C-C3E60AD98CFC}" type="parTrans" cxnId="{BA1220BE-B91D-48E8-B364-7BA1865E8537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53DA1B74-B888-432D-A715-AD0FDD7E4DA7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BE0BBE90-363A-4716-AEB1-BCEFCD8C8428}" type="parTrans" cxnId="{6D6E59AB-A83D-4C88-A3CC-966DFDC9187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C871458E-680D-481B-84C3-64898917DA0D}" type="sibTrans" cxnId="{6D6E59AB-A83D-4C88-A3CC-966DFDC9187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D5CEFD1-7466-4FFD-8348-64013324639E}">
      <dgm:prSet phldrT="[Texte]"/>
      <dgm:spPr>
        <a:solidFill>
          <a:srgbClr val="002060">
            <a:alpha val="90000"/>
          </a:srgbClr>
        </a:solidFill>
      </dgm:spPr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8E5EBB2E-F752-458B-AA20-37B5199D679F}" type="parTrans" cxnId="{FA8EECC2-8A93-4390-BC79-12E1BE5A39C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7764A5ED-F8C2-4ADD-8A48-CC5581F3D8B1}" type="sibTrans" cxnId="{FA8EECC2-8A93-4390-BC79-12E1BE5A39CE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8D5BD567-A215-451E-ABEC-76A25B23E585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88DF716A-18EF-4967-B22D-0683037F894D}" type="parTrans" cxnId="{D718C451-D819-45AB-B6AF-2A2EA309967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968FCE0C-992B-4ED1-B5B8-6B39FFBB71DA}" type="sibTrans" cxnId="{D718C451-D819-45AB-B6AF-2A2EA309967B}">
      <dgm:prSet/>
      <dgm:spPr/>
      <dgm:t>
        <a:bodyPr/>
        <a:lstStyle/>
        <a:p>
          <a:endParaRPr lang="fr-FR" b="1">
            <a:solidFill>
              <a:schemeClr val="bg1"/>
            </a:solidFill>
          </a:endParaRPr>
        </a:p>
      </dgm:t>
    </dgm:pt>
    <dgm:pt modelId="{AD727331-8031-4739-815D-5A26EB092F79}">
      <dgm:prSet phldrT="[Texte]"/>
      <dgm:spPr>
        <a:solidFill>
          <a:schemeClr val="accent2">
            <a:lumMod val="75000"/>
          </a:schemeClr>
        </a:solidFill>
      </dgm:spPr>
      <dgm:t>
        <a:bodyPr/>
        <a:lstStyle/>
        <a:p>
          <a:r>
            <a:rPr lang="fr-FR" b="1">
              <a:solidFill>
                <a:schemeClr val="bg1"/>
              </a:solidFill>
            </a:rPr>
            <a:t>Ac-225</a:t>
          </a:r>
          <a:endParaRPr lang="fr-FR" b="1" dirty="0">
            <a:solidFill>
              <a:schemeClr val="bg1"/>
            </a:solidFill>
          </a:endParaRPr>
        </a:p>
      </dgm:t>
    </dgm:pt>
    <dgm:pt modelId="{9D9D15E4-2284-4C53-9B6E-A495C0A9E146}" type="parTrans" cxnId="{C1CDCC85-C99B-4A51-A059-A88B9656AEAF}">
      <dgm:prSet/>
      <dgm:spPr/>
      <dgm:t>
        <a:bodyPr/>
        <a:lstStyle/>
        <a:p>
          <a:endParaRPr lang="fr-FR"/>
        </a:p>
      </dgm:t>
    </dgm:pt>
    <dgm:pt modelId="{BBD0625D-55AE-403C-AA71-5ADC7A14DC6A}" type="sibTrans" cxnId="{C1CDCC85-C99B-4A51-A059-A88B9656AEAF}">
      <dgm:prSet/>
      <dgm:spPr/>
      <dgm:t>
        <a:bodyPr/>
        <a:lstStyle/>
        <a:p>
          <a:endParaRPr lang="fr-FR"/>
        </a:p>
      </dgm:t>
    </dgm:pt>
    <dgm:pt modelId="{0475BA38-B21D-4F1C-92DB-84554C18D81B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748710D3-40BE-4DAA-897A-165489140D1D}" type="parTrans" cxnId="{0D16D6E5-37AC-409E-816F-7B9AC0FEA3BD}">
      <dgm:prSet/>
      <dgm:spPr/>
      <dgm:t>
        <a:bodyPr/>
        <a:lstStyle/>
        <a:p>
          <a:endParaRPr lang="fr-FR"/>
        </a:p>
      </dgm:t>
    </dgm:pt>
    <dgm:pt modelId="{B3FA1DC0-6D12-4184-9090-C56341DE1C7C}" type="sibTrans" cxnId="{0D16D6E5-37AC-409E-816F-7B9AC0FEA3BD}">
      <dgm:prSet/>
      <dgm:spPr/>
      <dgm:t>
        <a:bodyPr/>
        <a:lstStyle/>
        <a:p>
          <a:endParaRPr lang="fr-FR"/>
        </a:p>
      </dgm:t>
    </dgm:pt>
    <dgm:pt modelId="{3D11786C-D36F-4651-8E65-3A99AB353092}">
      <dgm:prSet phldrT="[Texte]"/>
      <dgm:spPr/>
      <dgm:t>
        <a:bodyPr/>
        <a:lstStyle/>
        <a:p>
          <a:r>
            <a:rPr lang="fr-FR" b="1" dirty="0">
              <a:solidFill>
                <a:schemeClr val="bg1"/>
              </a:solidFill>
            </a:rPr>
            <a:t>Ge-71</a:t>
          </a:r>
        </a:p>
      </dgm:t>
    </dgm:pt>
    <dgm:pt modelId="{BB1FB815-1420-4B9D-8D4A-0E1A7CEC296C}" type="parTrans" cxnId="{982826E7-85F8-48AC-8B8D-08E802EF4A46}">
      <dgm:prSet/>
      <dgm:spPr/>
      <dgm:t>
        <a:bodyPr/>
        <a:lstStyle/>
        <a:p>
          <a:endParaRPr lang="fr-FR"/>
        </a:p>
      </dgm:t>
    </dgm:pt>
    <dgm:pt modelId="{5FAC55AB-1960-4877-8D0D-36DCA60D7F84}" type="sibTrans" cxnId="{982826E7-85F8-48AC-8B8D-08E802EF4A46}">
      <dgm:prSet/>
      <dgm:spPr/>
      <dgm:t>
        <a:bodyPr/>
        <a:lstStyle/>
        <a:p>
          <a:endParaRPr lang="fr-FR"/>
        </a:p>
      </dgm:t>
    </dgm:pt>
    <dgm:pt modelId="{903E7660-C196-42CD-ADBF-37D4257EA138}">
      <dgm:prSet phldrT="[Texte]"/>
      <dgm:spPr/>
      <dgm:t>
        <a:bodyPr/>
        <a:lstStyle/>
        <a:p>
          <a:endParaRPr lang="fr-FR" b="1" dirty="0">
            <a:solidFill>
              <a:schemeClr val="bg1"/>
            </a:solidFill>
          </a:endParaRPr>
        </a:p>
      </dgm:t>
    </dgm:pt>
    <dgm:pt modelId="{934A98D7-F214-47B9-976F-67FAA5B061AF}" type="parTrans" cxnId="{F0885A19-69C3-445D-9475-34DF03C8938F}">
      <dgm:prSet/>
      <dgm:spPr/>
      <dgm:t>
        <a:bodyPr/>
        <a:lstStyle/>
        <a:p>
          <a:endParaRPr lang="fr-FR"/>
        </a:p>
      </dgm:t>
    </dgm:pt>
    <dgm:pt modelId="{9FEB5128-D875-4345-977C-0012D457FBC6}" type="sibTrans" cxnId="{F0885A19-69C3-445D-9475-34DF03C8938F}">
      <dgm:prSet/>
      <dgm:spPr/>
      <dgm:t>
        <a:bodyPr/>
        <a:lstStyle/>
        <a:p>
          <a:endParaRPr lang="fr-FR"/>
        </a:p>
      </dgm:t>
    </dgm:pt>
    <dgm:pt modelId="{6E453C46-B874-4F4F-BC0E-ED2982B5FD85}" type="pres">
      <dgm:prSet presAssocID="{F52C4039-C48D-4BC1-A1DE-0DB6AD326EA6}" presName="Name0" presStyleCnt="0">
        <dgm:presLayoutVars>
          <dgm:chPref val="3"/>
          <dgm:dir/>
          <dgm:animLvl val="lvl"/>
          <dgm:resizeHandles/>
        </dgm:presLayoutVars>
      </dgm:prSet>
      <dgm:spPr/>
    </dgm:pt>
    <dgm:pt modelId="{FBBDAD79-FDAD-46F1-9933-D446D0BB72BD}" type="pres">
      <dgm:prSet presAssocID="{0106021C-9DAE-49C8-A8B9-1032A94D3FEF}" presName="horFlow" presStyleCnt="0"/>
      <dgm:spPr/>
    </dgm:pt>
    <dgm:pt modelId="{33A481E4-15C1-4F28-A561-813868B18519}" type="pres">
      <dgm:prSet presAssocID="{0106021C-9DAE-49C8-A8B9-1032A94D3FEF}" presName="bigChev" presStyleLbl="node1" presStyleIdx="0" presStyleCnt="11" custScaleX="132554"/>
      <dgm:spPr/>
    </dgm:pt>
    <dgm:pt modelId="{D33AF6D0-ED65-40D6-B39E-509CB9588587}" type="pres">
      <dgm:prSet presAssocID="{FBF40BFC-CAB4-48FB-A669-2C7D67D60CCB}" presName="parTrans" presStyleCnt="0"/>
      <dgm:spPr/>
    </dgm:pt>
    <dgm:pt modelId="{6D2BC101-2416-4B52-ACBB-E8661DE7E285}" type="pres">
      <dgm:prSet presAssocID="{15F934BA-739A-4AF1-AACA-997FD5931F26}" presName="node" presStyleLbl="alignAccFollowNode1" presStyleIdx="0" presStyleCnt="36" custScaleX="142411">
        <dgm:presLayoutVars>
          <dgm:bulletEnabled val="1"/>
        </dgm:presLayoutVars>
      </dgm:prSet>
      <dgm:spPr/>
    </dgm:pt>
    <dgm:pt modelId="{D10AE3A1-475D-4304-BD61-6FB4627DB180}" type="pres">
      <dgm:prSet presAssocID="{C8A71F53-B25A-4950-B1EE-353BD5609E7F}" presName="sibTrans" presStyleCnt="0"/>
      <dgm:spPr/>
    </dgm:pt>
    <dgm:pt modelId="{4DFA2B09-EF5A-4472-A291-7A0359193308}" type="pres">
      <dgm:prSet presAssocID="{3487B8E6-BA34-4DB2-BFD3-0D50AF888B55}" presName="node" presStyleLbl="alignAccFollowNode1" presStyleIdx="1" presStyleCnt="36" custScaleX="142411">
        <dgm:presLayoutVars>
          <dgm:bulletEnabled val="1"/>
        </dgm:presLayoutVars>
      </dgm:prSet>
      <dgm:spPr/>
    </dgm:pt>
    <dgm:pt modelId="{68762F96-D5CF-4BE9-9C6A-3ECA2BA15038}" type="pres">
      <dgm:prSet presAssocID="{58C7C1FB-507F-40AF-85A7-6571BCDE04EC}" presName="sibTrans" presStyleCnt="0"/>
      <dgm:spPr/>
    </dgm:pt>
    <dgm:pt modelId="{F6AF7719-5A9C-466B-9F46-140C05E0B816}" type="pres">
      <dgm:prSet presAssocID="{09B597F5-3C1B-46DD-A065-72E2ED556594}" presName="node" presStyleLbl="alignAccFollowNode1" presStyleIdx="2" presStyleCnt="36" custScaleX="142411">
        <dgm:presLayoutVars>
          <dgm:bulletEnabled val="1"/>
        </dgm:presLayoutVars>
      </dgm:prSet>
      <dgm:spPr/>
    </dgm:pt>
    <dgm:pt modelId="{C4EBAF9B-C003-47F2-B184-CA7EE650F96E}" type="pres">
      <dgm:prSet presAssocID="{04DECCD1-C816-44C0-B85D-1D8C8F5F71AC}" presName="sibTrans" presStyleCnt="0"/>
      <dgm:spPr/>
    </dgm:pt>
    <dgm:pt modelId="{E248E14A-B209-4144-B889-0371A662B479}" type="pres">
      <dgm:prSet presAssocID="{B60CE14E-8E2E-45B2-9E08-316A2D004A26}" presName="node" presStyleLbl="alignAccFollowNode1" presStyleIdx="3" presStyleCnt="36" custScaleX="142411">
        <dgm:presLayoutVars>
          <dgm:bulletEnabled val="1"/>
        </dgm:presLayoutVars>
      </dgm:prSet>
      <dgm:spPr/>
    </dgm:pt>
    <dgm:pt modelId="{75EE892C-872B-4983-A573-86EECE7575F9}" type="pres">
      <dgm:prSet presAssocID="{3FAED0EC-97AE-4FC6-910E-F7E375060C3B}" presName="sibTrans" presStyleCnt="0"/>
      <dgm:spPr/>
    </dgm:pt>
    <dgm:pt modelId="{7E88AAF1-06F7-4F95-B66F-F5FDB4EB352E}" type="pres">
      <dgm:prSet presAssocID="{D25E5028-1911-4507-846D-D7800BCD8B4A}" presName="node" presStyleLbl="alignAccFollowNode1" presStyleIdx="4" presStyleCnt="36" custScaleX="142411">
        <dgm:presLayoutVars>
          <dgm:bulletEnabled val="1"/>
        </dgm:presLayoutVars>
      </dgm:prSet>
      <dgm:spPr/>
    </dgm:pt>
    <dgm:pt modelId="{A3AC67DB-D8FA-40B8-AFA2-76C1962B355B}" type="pres">
      <dgm:prSet presAssocID="{0106021C-9DAE-49C8-A8B9-1032A94D3FEF}" presName="vSp" presStyleCnt="0"/>
      <dgm:spPr/>
    </dgm:pt>
    <dgm:pt modelId="{5A1B4FF5-329E-412F-8C02-E19ED6F107A5}" type="pres">
      <dgm:prSet presAssocID="{89BFD2E5-79E0-49C3-A382-43FB88B08B5F}" presName="horFlow" presStyleCnt="0"/>
      <dgm:spPr/>
    </dgm:pt>
    <dgm:pt modelId="{D3E033ED-358D-4ED9-AD2A-6300E3316884}" type="pres">
      <dgm:prSet presAssocID="{89BFD2E5-79E0-49C3-A382-43FB88B08B5F}" presName="bigChev" presStyleLbl="node1" presStyleIdx="1" presStyleCnt="11" custScaleX="132442"/>
      <dgm:spPr/>
    </dgm:pt>
    <dgm:pt modelId="{EF545E4D-E3A7-4F09-89B6-B93ACE716503}" type="pres">
      <dgm:prSet presAssocID="{2E20AB32-45A9-46D8-B7F8-6120175D6669}" presName="parTrans" presStyleCnt="0"/>
      <dgm:spPr/>
    </dgm:pt>
    <dgm:pt modelId="{18B8E479-2ECD-484C-B333-5E21DE94FF82}" type="pres">
      <dgm:prSet presAssocID="{31AF2739-CBC9-4BC8-9851-96CD0771279C}" presName="node" presStyleLbl="alignAccFollowNode1" presStyleIdx="5" presStyleCnt="36" custScaleX="142411">
        <dgm:presLayoutVars>
          <dgm:bulletEnabled val="1"/>
        </dgm:presLayoutVars>
      </dgm:prSet>
      <dgm:spPr/>
    </dgm:pt>
    <dgm:pt modelId="{7B52143D-DFC9-42EE-9A85-081DDC033081}" type="pres">
      <dgm:prSet presAssocID="{D4148E94-068F-41F0-8C40-817594957A38}" presName="sibTrans" presStyleCnt="0"/>
      <dgm:spPr/>
    </dgm:pt>
    <dgm:pt modelId="{22CB04D5-CCF2-4232-8850-06414BD4E99F}" type="pres">
      <dgm:prSet presAssocID="{24363B23-281D-4BB1-BC50-DAA65EF7F881}" presName="node" presStyleLbl="alignAccFollowNode1" presStyleIdx="6" presStyleCnt="36" custScaleX="142411">
        <dgm:presLayoutVars>
          <dgm:bulletEnabled val="1"/>
        </dgm:presLayoutVars>
      </dgm:prSet>
      <dgm:spPr/>
    </dgm:pt>
    <dgm:pt modelId="{06FEF563-9AFB-42E6-8251-A64A6F2AA34C}" type="pres">
      <dgm:prSet presAssocID="{7B20FCA8-702D-4CBF-BD89-7A437D3358A1}" presName="sibTrans" presStyleCnt="0"/>
      <dgm:spPr/>
    </dgm:pt>
    <dgm:pt modelId="{26D3B25B-7EF2-4DEF-AAAE-07772306E07A}" type="pres">
      <dgm:prSet presAssocID="{14630577-9385-4DE3-9B8B-036882663162}" presName="node" presStyleLbl="alignAccFollowNode1" presStyleIdx="7" presStyleCnt="36" custScaleX="142411">
        <dgm:presLayoutVars>
          <dgm:bulletEnabled val="1"/>
        </dgm:presLayoutVars>
      </dgm:prSet>
      <dgm:spPr/>
    </dgm:pt>
    <dgm:pt modelId="{CAFF87B0-73B2-429A-A684-812EEF338046}" type="pres">
      <dgm:prSet presAssocID="{C946EE6C-42CD-49BB-8718-66A159E52410}" presName="sibTrans" presStyleCnt="0"/>
      <dgm:spPr/>
    </dgm:pt>
    <dgm:pt modelId="{DDE5EF76-781C-4CBC-BA67-BDF3A3E8237F}" type="pres">
      <dgm:prSet presAssocID="{831244C4-D3E2-4087-879D-06DD9EC301AA}" presName="node" presStyleLbl="alignAccFollowNode1" presStyleIdx="8" presStyleCnt="36" custScaleX="142411">
        <dgm:presLayoutVars>
          <dgm:bulletEnabled val="1"/>
        </dgm:presLayoutVars>
      </dgm:prSet>
      <dgm:spPr/>
    </dgm:pt>
    <dgm:pt modelId="{070A1531-05CC-4910-BC04-1EDBA026F1CD}" type="pres">
      <dgm:prSet presAssocID="{89BFD2E5-79E0-49C3-A382-43FB88B08B5F}" presName="vSp" presStyleCnt="0"/>
      <dgm:spPr/>
    </dgm:pt>
    <dgm:pt modelId="{110283BA-2927-4262-B927-1780DAB2A922}" type="pres">
      <dgm:prSet presAssocID="{D63FC01B-E76A-4EF2-83B6-48265067C23D}" presName="horFlow" presStyleCnt="0"/>
      <dgm:spPr/>
    </dgm:pt>
    <dgm:pt modelId="{6CBC8931-C74A-4B3A-B981-D0CFF4674B60}" type="pres">
      <dgm:prSet presAssocID="{D63FC01B-E76A-4EF2-83B6-48265067C23D}" presName="bigChev" presStyleLbl="node1" presStyleIdx="2" presStyleCnt="11" custScaleX="132442"/>
      <dgm:spPr/>
    </dgm:pt>
    <dgm:pt modelId="{D2CF16BB-C400-4B8E-95FE-59149E6ABE44}" type="pres">
      <dgm:prSet presAssocID="{878583C4-C9BA-4253-91B3-05AF08394682}" presName="parTrans" presStyleCnt="0"/>
      <dgm:spPr/>
    </dgm:pt>
    <dgm:pt modelId="{6C47CBE2-0B49-4301-B9C2-EDE681AA203E}" type="pres">
      <dgm:prSet presAssocID="{97604F43-0501-4403-8225-998D59EB6FAD}" presName="node" presStyleLbl="alignAccFollowNode1" presStyleIdx="9" presStyleCnt="36" custScaleX="142411">
        <dgm:presLayoutVars>
          <dgm:bulletEnabled val="1"/>
        </dgm:presLayoutVars>
      </dgm:prSet>
      <dgm:spPr/>
    </dgm:pt>
    <dgm:pt modelId="{26CC7A52-8545-4846-9990-7FD5BA2D3D6E}" type="pres">
      <dgm:prSet presAssocID="{A0850172-F955-4D56-8251-BECF3B78A739}" presName="sibTrans" presStyleCnt="0"/>
      <dgm:spPr/>
    </dgm:pt>
    <dgm:pt modelId="{248392E5-3697-49C0-9670-1545622681DA}" type="pres">
      <dgm:prSet presAssocID="{F470CE87-ECEA-4288-B9BB-434299242411}" presName="node" presStyleLbl="alignAccFollowNode1" presStyleIdx="10" presStyleCnt="36" custScaleX="142411">
        <dgm:presLayoutVars>
          <dgm:bulletEnabled val="1"/>
        </dgm:presLayoutVars>
      </dgm:prSet>
      <dgm:spPr/>
    </dgm:pt>
    <dgm:pt modelId="{815727D1-882A-4A05-8CD1-60885BAFF777}" type="pres">
      <dgm:prSet presAssocID="{D55F3FB8-F217-4DD7-9236-B339A9ABBF84}" presName="sibTrans" presStyleCnt="0"/>
      <dgm:spPr/>
    </dgm:pt>
    <dgm:pt modelId="{3B8B2579-AC14-4AE0-B8CC-B2045B99E436}" type="pres">
      <dgm:prSet presAssocID="{F86DF711-A9C8-46B7-AE53-F33ACA49C64D}" presName="node" presStyleLbl="alignAccFollowNode1" presStyleIdx="11" presStyleCnt="36" custScaleX="142411">
        <dgm:presLayoutVars>
          <dgm:bulletEnabled val="1"/>
        </dgm:presLayoutVars>
      </dgm:prSet>
      <dgm:spPr/>
    </dgm:pt>
    <dgm:pt modelId="{BDEDF396-F6C3-45B8-A36E-D16C3226EFBF}" type="pres">
      <dgm:prSet presAssocID="{A01C741C-98AD-42A8-B8B5-915A1BE269C2}" presName="sibTrans" presStyleCnt="0"/>
      <dgm:spPr/>
    </dgm:pt>
    <dgm:pt modelId="{0574FC9B-1DEA-47E4-9B22-A932C57C4058}" type="pres">
      <dgm:prSet presAssocID="{53DA1B74-B888-432D-A715-AD0FDD7E4DA7}" presName="node" presStyleLbl="alignAccFollowNode1" presStyleIdx="12" presStyleCnt="36" custScaleX="149902">
        <dgm:presLayoutVars>
          <dgm:bulletEnabled val="1"/>
        </dgm:presLayoutVars>
      </dgm:prSet>
      <dgm:spPr/>
    </dgm:pt>
    <dgm:pt modelId="{03140279-00D7-4403-89CE-2784717EE5F2}" type="pres">
      <dgm:prSet presAssocID="{D63FC01B-E76A-4EF2-83B6-48265067C23D}" presName="vSp" presStyleCnt="0"/>
      <dgm:spPr/>
    </dgm:pt>
    <dgm:pt modelId="{278BAFB6-29E1-4842-AA7D-0127D1D4B30C}" type="pres">
      <dgm:prSet presAssocID="{52719456-D95C-4A3A-AA47-600B42F5E11E}" presName="horFlow" presStyleCnt="0"/>
      <dgm:spPr/>
    </dgm:pt>
    <dgm:pt modelId="{EBA6F718-4C27-472D-9622-8BF3661A0AA7}" type="pres">
      <dgm:prSet presAssocID="{52719456-D95C-4A3A-AA47-600B42F5E11E}" presName="bigChev" presStyleLbl="node1" presStyleIdx="3" presStyleCnt="11" custScaleX="132442"/>
      <dgm:spPr/>
    </dgm:pt>
    <dgm:pt modelId="{B06A989D-34D0-441A-8FB5-3C5672476E31}" type="pres">
      <dgm:prSet presAssocID="{E078C730-FD77-43A8-8E6A-1C357EEBE428}" presName="parTrans" presStyleCnt="0"/>
      <dgm:spPr/>
    </dgm:pt>
    <dgm:pt modelId="{A0987B6D-8C8C-45D5-85A0-B7B0FC88188E}" type="pres">
      <dgm:prSet presAssocID="{CE40D328-CF3E-484F-8D01-E2C3FB8C0B57}" presName="node" presStyleLbl="alignAccFollowNode1" presStyleIdx="13" presStyleCnt="36" custScaleX="142411">
        <dgm:presLayoutVars>
          <dgm:bulletEnabled val="1"/>
        </dgm:presLayoutVars>
      </dgm:prSet>
      <dgm:spPr/>
    </dgm:pt>
    <dgm:pt modelId="{A98AF9E4-14A5-41C5-9F2C-09DD002A3009}" type="pres">
      <dgm:prSet presAssocID="{DF785C70-9FE3-4175-9B92-9A2FB773E436}" presName="sibTrans" presStyleCnt="0"/>
      <dgm:spPr/>
    </dgm:pt>
    <dgm:pt modelId="{1A0B866D-BCD7-4F8C-8136-3585C8D5697D}" type="pres">
      <dgm:prSet presAssocID="{6D08DC4C-9278-40B0-88AD-1A9B77637BF4}" presName="node" presStyleLbl="alignAccFollowNode1" presStyleIdx="14" presStyleCnt="36" custScaleX="142411">
        <dgm:presLayoutVars>
          <dgm:bulletEnabled val="1"/>
        </dgm:presLayoutVars>
      </dgm:prSet>
      <dgm:spPr/>
    </dgm:pt>
    <dgm:pt modelId="{31C36BEB-04E7-42DC-9DFF-F8CC856554E7}" type="pres">
      <dgm:prSet presAssocID="{52719456-D95C-4A3A-AA47-600B42F5E11E}" presName="vSp" presStyleCnt="0"/>
      <dgm:spPr/>
    </dgm:pt>
    <dgm:pt modelId="{26BD0797-DFA2-4822-81C6-FEAF1779DC32}" type="pres">
      <dgm:prSet presAssocID="{38392A24-7598-489A-9ECC-A003660EAADB}" presName="horFlow" presStyleCnt="0"/>
      <dgm:spPr/>
    </dgm:pt>
    <dgm:pt modelId="{10F5CE01-044C-48A0-8C29-958D787E98E5}" type="pres">
      <dgm:prSet presAssocID="{38392A24-7598-489A-9ECC-A003660EAADB}" presName="bigChev" presStyleLbl="node1" presStyleIdx="4" presStyleCnt="11" custScaleX="132442"/>
      <dgm:spPr/>
    </dgm:pt>
    <dgm:pt modelId="{C1849039-0553-4B76-9500-18FA14CDF75F}" type="pres">
      <dgm:prSet presAssocID="{5C15DC43-2965-46E4-B3BB-328D544B2604}" presName="parTrans" presStyleCnt="0"/>
      <dgm:spPr/>
    </dgm:pt>
    <dgm:pt modelId="{6064C79A-113C-4A98-8D4E-CB9F7DE76ADD}" type="pres">
      <dgm:prSet presAssocID="{243FE407-2FC7-4259-A80E-CEB0E74E40A4}" presName="node" presStyleLbl="alignAccFollowNode1" presStyleIdx="15" presStyleCnt="36" custScaleX="142411">
        <dgm:presLayoutVars>
          <dgm:bulletEnabled val="1"/>
        </dgm:presLayoutVars>
      </dgm:prSet>
      <dgm:spPr/>
    </dgm:pt>
    <dgm:pt modelId="{F8967A74-C603-4E85-B17B-6DBE91FA2E7A}" type="pres">
      <dgm:prSet presAssocID="{F0204B07-6C7B-48A4-869C-D540A35E3118}" presName="sibTrans" presStyleCnt="0"/>
      <dgm:spPr/>
    </dgm:pt>
    <dgm:pt modelId="{A8C379BF-AF99-4DC5-AC4B-D1D518136B1E}" type="pres">
      <dgm:prSet presAssocID="{E84E05FE-01DD-4DE7-AF8A-A9F9A2094273}" presName="node" presStyleLbl="alignAccFollowNode1" presStyleIdx="16" presStyleCnt="36" custScaleX="142411">
        <dgm:presLayoutVars>
          <dgm:bulletEnabled val="1"/>
        </dgm:presLayoutVars>
      </dgm:prSet>
      <dgm:spPr/>
    </dgm:pt>
    <dgm:pt modelId="{ADAB6841-813F-4B3F-A94A-99B22AC6E80E}" type="pres">
      <dgm:prSet presAssocID="{38392A24-7598-489A-9ECC-A003660EAADB}" presName="vSp" presStyleCnt="0"/>
      <dgm:spPr/>
    </dgm:pt>
    <dgm:pt modelId="{9B84A581-82AA-4287-88B2-58BBEF7B6F77}" type="pres">
      <dgm:prSet presAssocID="{31E1A890-383C-4258-858A-9721D8F5D715}" presName="horFlow" presStyleCnt="0"/>
      <dgm:spPr/>
    </dgm:pt>
    <dgm:pt modelId="{3CE831BD-1A3D-40BD-AB03-6D3734865645}" type="pres">
      <dgm:prSet presAssocID="{31E1A890-383C-4258-858A-9721D8F5D715}" presName="bigChev" presStyleLbl="node1" presStyleIdx="5" presStyleCnt="11" custScaleX="132442"/>
      <dgm:spPr/>
    </dgm:pt>
    <dgm:pt modelId="{2166A6D6-239B-4D37-A4BD-40F71EFB99DF}" type="pres">
      <dgm:prSet presAssocID="{79F175EF-DD85-4386-9672-2F08F205AC25}" presName="parTrans" presStyleCnt="0"/>
      <dgm:spPr/>
    </dgm:pt>
    <dgm:pt modelId="{536CE56D-F9A2-43C1-A618-A2EC07FDB889}" type="pres">
      <dgm:prSet presAssocID="{4D568B58-371D-4D23-B1C9-F4145D1A11DE}" presName="node" presStyleLbl="alignAccFollowNode1" presStyleIdx="17" presStyleCnt="36" custScaleX="142411">
        <dgm:presLayoutVars>
          <dgm:bulletEnabled val="1"/>
        </dgm:presLayoutVars>
      </dgm:prSet>
      <dgm:spPr/>
    </dgm:pt>
    <dgm:pt modelId="{C3988FCE-6111-4501-987A-297CEC9F52EC}" type="pres">
      <dgm:prSet presAssocID="{197A34AF-B582-49D0-A4D4-03CFF65CEF25}" presName="sibTrans" presStyleCnt="0"/>
      <dgm:spPr/>
    </dgm:pt>
    <dgm:pt modelId="{82EC884E-E8E1-4402-8A8C-1B62F47BEE3C}" type="pres">
      <dgm:prSet presAssocID="{EFF8441F-D754-49C0-A73E-CF206C3C6883}" presName="node" presStyleLbl="alignAccFollowNode1" presStyleIdx="18" presStyleCnt="36" custScaleX="142411">
        <dgm:presLayoutVars>
          <dgm:bulletEnabled val="1"/>
        </dgm:presLayoutVars>
      </dgm:prSet>
      <dgm:spPr/>
    </dgm:pt>
    <dgm:pt modelId="{E9841F82-69FF-4252-A10E-E398C6044F99}" type="pres">
      <dgm:prSet presAssocID="{9B372F56-80C9-4308-97D4-8A6FAA58F937}" presName="sibTrans" presStyleCnt="0"/>
      <dgm:spPr/>
    </dgm:pt>
    <dgm:pt modelId="{F162A6A5-FE6D-45B7-95A9-A6DA6718E5DD}" type="pres">
      <dgm:prSet presAssocID="{8D5CEFD1-7466-4FFD-8348-64013324639E}" presName="node" presStyleLbl="alignAccFollowNode1" presStyleIdx="19" presStyleCnt="36" custScaleX="149902">
        <dgm:presLayoutVars>
          <dgm:bulletEnabled val="1"/>
        </dgm:presLayoutVars>
      </dgm:prSet>
      <dgm:spPr/>
    </dgm:pt>
    <dgm:pt modelId="{E3581D61-C1FF-4DF4-A592-98432FC21559}" type="pres">
      <dgm:prSet presAssocID="{7764A5ED-F8C2-4ADD-8A48-CC5581F3D8B1}" presName="sibTrans" presStyleCnt="0"/>
      <dgm:spPr/>
    </dgm:pt>
    <dgm:pt modelId="{CA91CA90-19D8-4921-9EE0-85B2D803B062}" type="pres">
      <dgm:prSet presAssocID="{8D5BD567-A215-451E-ABEC-76A25B23E585}" presName="node" presStyleLbl="alignAccFollowNode1" presStyleIdx="20" presStyleCnt="36" custScaleX="149902">
        <dgm:presLayoutVars>
          <dgm:bulletEnabled val="1"/>
        </dgm:presLayoutVars>
      </dgm:prSet>
      <dgm:spPr/>
    </dgm:pt>
    <dgm:pt modelId="{8B737CFD-486C-4F6D-9C0F-FD182FDACEA2}" type="pres">
      <dgm:prSet presAssocID="{31E1A890-383C-4258-858A-9721D8F5D715}" presName="vSp" presStyleCnt="0"/>
      <dgm:spPr/>
    </dgm:pt>
    <dgm:pt modelId="{210C6717-D8C3-4F80-8AE3-48091229E28E}" type="pres">
      <dgm:prSet presAssocID="{378AAA74-EBB6-492F-9409-275DF8D92F59}" presName="horFlow" presStyleCnt="0"/>
      <dgm:spPr/>
    </dgm:pt>
    <dgm:pt modelId="{B9CE23C5-A246-44E2-B29A-8D1DF269D6AB}" type="pres">
      <dgm:prSet presAssocID="{378AAA74-EBB6-492F-9409-275DF8D92F59}" presName="bigChev" presStyleLbl="node1" presStyleIdx="6" presStyleCnt="11" custScaleX="132735"/>
      <dgm:spPr/>
    </dgm:pt>
    <dgm:pt modelId="{D78D0C7C-BFE4-4ECA-A4BE-924990F54474}" type="pres">
      <dgm:prSet presAssocID="{42C6C4FB-E458-458D-9375-0579A1D72BDD}" presName="parTrans" presStyleCnt="0"/>
      <dgm:spPr/>
    </dgm:pt>
    <dgm:pt modelId="{CE541F93-DDE7-4016-B2C8-F29D9571DCE3}" type="pres">
      <dgm:prSet presAssocID="{8EAD30AA-3406-42ED-8C81-A2A5AEF8F0E6}" presName="node" presStyleLbl="alignAccFollowNode1" presStyleIdx="21" presStyleCnt="36" custScaleX="140050">
        <dgm:presLayoutVars>
          <dgm:bulletEnabled val="1"/>
        </dgm:presLayoutVars>
      </dgm:prSet>
      <dgm:spPr/>
    </dgm:pt>
    <dgm:pt modelId="{2E78FE08-257F-4834-B635-27D153C5E2DA}" type="pres">
      <dgm:prSet presAssocID="{8F6C76B4-AE82-4DA6-85CC-62CFA7C96FD6}" presName="sibTrans" presStyleCnt="0"/>
      <dgm:spPr/>
    </dgm:pt>
    <dgm:pt modelId="{5C8D6F5A-DD94-46CC-A837-9E2E4B350696}" type="pres">
      <dgm:prSet presAssocID="{E45CB670-EC98-4939-B489-02C3D780F1FF}" presName="node" presStyleLbl="alignAccFollowNode1" presStyleIdx="22" presStyleCnt="36" custScaleX="149902">
        <dgm:presLayoutVars>
          <dgm:bulletEnabled val="1"/>
        </dgm:presLayoutVars>
      </dgm:prSet>
      <dgm:spPr/>
    </dgm:pt>
    <dgm:pt modelId="{6B50C2E0-E20D-4D4C-A7AF-83F70BAD5CD3}" type="pres">
      <dgm:prSet presAssocID="{FA7C842B-43F3-4F68-AAC0-5F0B5573A9D7}" presName="sibTrans" presStyleCnt="0"/>
      <dgm:spPr/>
    </dgm:pt>
    <dgm:pt modelId="{7EE40AB7-EDF7-4F5C-8859-65314C73A82F}" type="pres">
      <dgm:prSet presAssocID="{4E4D267F-1517-44BB-9C94-E69BF770BC0F}" presName="node" presStyleLbl="alignAccFollowNode1" presStyleIdx="23" presStyleCnt="36" custScaleX="149902">
        <dgm:presLayoutVars>
          <dgm:bulletEnabled val="1"/>
        </dgm:presLayoutVars>
      </dgm:prSet>
      <dgm:spPr/>
    </dgm:pt>
    <dgm:pt modelId="{D3757323-C7CC-4AF4-A71C-E96D0511371E}" type="pres">
      <dgm:prSet presAssocID="{378AAA74-EBB6-492F-9409-275DF8D92F59}" presName="vSp" presStyleCnt="0"/>
      <dgm:spPr/>
    </dgm:pt>
    <dgm:pt modelId="{6C47A31D-C3D9-4B3D-832D-DE3623992867}" type="pres">
      <dgm:prSet presAssocID="{54450056-0BBB-4D05-8D42-16290DA75758}" presName="horFlow" presStyleCnt="0"/>
      <dgm:spPr/>
    </dgm:pt>
    <dgm:pt modelId="{BF35237C-7CFF-49AC-9B72-292F9CBBF607}" type="pres">
      <dgm:prSet presAssocID="{54450056-0BBB-4D05-8D42-16290DA75758}" presName="bigChev" presStyleLbl="node1" presStyleIdx="7" presStyleCnt="11" custScaleX="132442"/>
      <dgm:spPr/>
    </dgm:pt>
    <dgm:pt modelId="{D7E924B0-ABD0-4783-ADD2-65974E417D71}" type="pres">
      <dgm:prSet presAssocID="{C0CFB050-5AE7-43CB-980A-04399524DEEB}" presName="parTrans" presStyleCnt="0"/>
      <dgm:spPr/>
    </dgm:pt>
    <dgm:pt modelId="{6D79525C-592F-49AE-81D4-586E5304CEA4}" type="pres">
      <dgm:prSet presAssocID="{8FC0F495-5C12-41F4-B407-93BF85FA17C9}" presName="node" presStyleLbl="alignAccFollowNode1" presStyleIdx="24" presStyleCnt="36" custScaleX="152161" custScaleY="107421">
        <dgm:presLayoutVars>
          <dgm:bulletEnabled val="1"/>
        </dgm:presLayoutVars>
      </dgm:prSet>
      <dgm:spPr/>
    </dgm:pt>
    <dgm:pt modelId="{8218BE4E-FA24-4CBB-8823-9243BCA79200}" type="pres">
      <dgm:prSet presAssocID="{68622164-0F0D-495A-96A6-5EABA3EC71C7}" presName="sibTrans" presStyleCnt="0"/>
      <dgm:spPr/>
    </dgm:pt>
    <dgm:pt modelId="{AB6E59BE-FCB2-4295-9D34-1161E73C8080}" type="pres">
      <dgm:prSet presAssocID="{0475BA38-B21D-4F1C-92DB-84554C18D81B}" presName="node" presStyleLbl="alignAccFollowNode1" presStyleIdx="25" presStyleCnt="36" custScaleX="140110" custScaleY="96125">
        <dgm:presLayoutVars>
          <dgm:bulletEnabled val="1"/>
        </dgm:presLayoutVars>
      </dgm:prSet>
      <dgm:spPr/>
    </dgm:pt>
    <dgm:pt modelId="{706263A5-7721-4DEB-8C82-8ADEACFE1DA3}" type="pres">
      <dgm:prSet presAssocID="{54450056-0BBB-4D05-8D42-16290DA75758}" presName="vSp" presStyleCnt="0"/>
      <dgm:spPr/>
    </dgm:pt>
    <dgm:pt modelId="{3788BD73-F7E7-46F3-9F28-058E268A5D9C}" type="pres">
      <dgm:prSet presAssocID="{3D11786C-D36F-4651-8E65-3A99AB353092}" presName="horFlow" presStyleCnt="0"/>
      <dgm:spPr/>
    </dgm:pt>
    <dgm:pt modelId="{B62E7441-2FB6-47A7-A81F-90564CD85756}" type="pres">
      <dgm:prSet presAssocID="{3D11786C-D36F-4651-8E65-3A99AB353092}" presName="bigChev" presStyleLbl="node1" presStyleIdx="8" presStyleCnt="11" custScaleX="127975"/>
      <dgm:spPr/>
    </dgm:pt>
    <dgm:pt modelId="{FFB2F1C1-418C-4057-AF0F-C60FD9D0771E}" type="pres">
      <dgm:prSet presAssocID="{934A98D7-F214-47B9-976F-67FAA5B061AF}" presName="parTrans" presStyleCnt="0"/>
      <dgm:spPr/>
    </dgm:pt>
    <dgm:pt modelId="{69D3A654-C2F0-44CC-92ED-D5990E44E1CE}" type="pres">
      <dgm:prSet presAssocID="{903E7660-C196-42CD-ADBF-37D4257EA138}" presName="node" presStyleLbl="alignAccFollowNode1" presStyleIdx="26" presStyleCnt="36" custScaleX="149200" custScaleY="98179">
        <dgm:presLayoutVars>
          <dgm:bulletEnabled val="1"/>
        </dgm:presLayoutVars>
      </dgm:prSet>
      <dgm:spPr/>
    </dgm:pt>
    <dgm:pt modelId="{5475C99F-6AC9-4E5A-9297-E0C060154D98}" type="pres">
      <dgm:prSet presAssocID="{9FEB5128-D875-4345-977C-0012D457FBC6}" presName="sibTrans" presStyleCnt="0"/>
      <dgm:spPr/>
    </dgm:pt>
    <dgm:pt modelId="{1778034B-FC78-483B-9843-A343567CC9EC}" type="pres">
      <dgm:prSet presAssocID="{682DA07B-F69B-41E4-B7EF-66749708CBB9}" presName="node" presStyleLbl="alignAccFollowNode1" presStyleIdx="27" presStyleCnt="36" custScaleX="142411">
        <dgm:presLayoutVars>
          <dgm:bulletEnabled val="1"/>
        </dgm:presLayoutVars>
      </dgm:prSet>
      <dgm:spPr/>
    </dgm:pt>
    <dgm:pt modelId="{D45FCDD0-0017-4B40-AC8B-4B949094427A}" type="pres">
      <dgm:prSet presAssocID="{3D11786C-D36F-4651-8E65-3A99AB353092}" presName="vSp" presStyleCnt="0"/>
      <dgm:spPr/>
    </dgm:pt>
    <dgm:pt modelId="{97F52443-1474-4AE3-96E9-F0A0BF9B7045}" type="pres">
      <dgm:prSet presAssocID="{AD727331-8031-4739-815D-5A26EB092F79}" presName="horFlow" presStyleCnt="0"/>
      <dgm:spPr/>
    </dgm:pt>
    <dgm:pt modelId="{5627BBB1-07A8-428A-BF4A-51EE1F3F093A}" type="pres">
      <dgm:prSet presAssocID="{AD727331-8031-4739-815D-5A26EB092F79}" presName="bigChev" presStyleLbl="node1" presStyleIdx="9" presStyleCnt="11" custScaleX="121145"/>
      <dgm:spPr/>
    </dgm:pt>
    <dgm:pt modelId="{A286D72B-1816-4D13-8755-284107C19687}" type="pres">
      <dgm:prSet presAssocID="{04E6C6DC-5D7A-4FC5-A6AE-C8D9242F7AF9}" presName="parTrans" presStyleCnt="0"/>
      <dgm:spPr/>
    </dgm:pt>
    <dgm:pt modelId="{46282838-8CD3-4444-A9D4-3BA1C411D022}" type="pres">
      <dgm:prSet presAssocID="{96FD93FC-3600-487B-AFF3-6A7D2EBF6CE5}" presName="node" presStyleLbl="alignAccFollowNode1" presStyleIdx="28" presStyleCnt="36" custScaleX="142411">
        <dgm:presLayoutVars>
          <dgm:bulletEnabled val="1"/>
        </dgm:presLayoutVars>
      </dgm:prSet>
      <dgm:spPr/>
    </dgm:pt>
    <dgm:pt modelId="{1710FC26-48EF-4399-9982-816C6796FADA}" type="pres">
      <dgm:prSet presAssocID="{6A93F2C6-1A8D-4A9A-AB96-DA538CF99950}" presName="sibTrans" presStyleCnt="0"/>
      <dgm:spPr/>
    </dgm:pt>
    <dgm:pt modelId="{2DB4C822-1604-4C82-AE00-2BFBDD54752B}" type="pres">
      <dgm:prSet presAssocID="{7A203708-7B9A-407E-AE71-D0D8FF5ACF67}" presName="node" presStyleLbl="alignAccFollowNode1" presStyleIdx="29" presStyleCnt="36" custScaleX="142411">
        <dgm:presLayoutVars>
          <dgm:bulletEnabled val="1"/>
        </dgm:presLayoutVars>
      </dgm:prSet>
      <dgm:spPr/>
    </dgm:pt>
    <dgm:pt modelId="{EA5B1852-3C02-450D-8F44-32DFDEE51D89}" type="pres">
      <dgm:prSet presAssocID="{50FB3B73-52DF-4721-B1EB-7FC65F31A54B}" presName="sibTrans" presStyleCnt="0"/>
      <dgm:spPr/>
    </dgm:pt>
    <dgm:pt modelId="{58718458-1132-42CA-BD00-7E52AD08521B}" type="pres">
      <dgm:prSet presAssocID="{426EC4C0-4D4E-418A-960D-D3EEB16C6579}" presName="node" presStyleLbl="alignAccFollowNode1" presStyleIdx="30" presStyleCnt="36" custScaleX="142411">
        <dgm:presLayoutVars>
          <dgm:bulletEnabled val="1"/>
        </dgm:presLayoutVars>
      </dgm:prSet>
      <dgm:spPr/>
    </dgm:pt>
    <dgm:pt modelId="{28DB7639-24EB-4803-851E-3C61826EF54B}" type="pres">
      <dgm:prSet presAssocID="{B8F3D004-0A2D-4834-A514-DC07850FAB2D}" presName="sibTrans" presStyleCnt="0"/>
      <dgm:spPr/>
    </dgm:pt>
    <dgm:pt modelId="{A3D52505-6D84-4229-835E-AE7B1906E32C}" type="pres">
      <dgm:prSet presAssocID="{796456D3-6E7C-4583-9259-E704E51E9DD7}" presName="node" presStyleLbl="alignAccFollowNode1" presStyleIdx="31" presStyleCnt="36" custScaleX="142411">
        <dgm:presLayoutVars>
          <dgm:bulletEnabled val="1"/>
        </dgm:presLayoutVars>
      </dgm:prSet>
      <dgm:spPr/>
    </dgm:pt>
    <dgm:pt modelId="{9E3363C9-A218-4D17-AF37-95A0E68ABE23}" type="pres">
      <dgm:prSet presAssocID="{AD727331-8031-4739-815D-5A26EB092F79}" presName="vSp" presStyleCnt="0"/>
      <dgm:spPr/>
    </dgm:pt>
    <dgm:pt modelId="{9410B971-A7A3-4A11-9CC8-3AD612C5D8AD}" type="pres">
      <dgm:prSet presAssocID="{F5843D5A-C4E2-473A-A167-13E49250A315}" presName="horFlow" presStyleCnt="0"/>
      <dgm:spPr/>
    </dgm:pt>
    <dgm:pt modelId="{EE966B18-F7FE-448A-8E61-7C74EA911719}" type="pres">
      <dgm:prSet presAssocID="{F5843D5A-C4E2-473A-A167-13E49250A315}" presName="bigChev" presStyleLbl="node1" presStyleIdx="10" presStyleCnt="11" custScaleX="132385"/>
      <dgm:spPr/>
    </dgm:pt>
    <dgm:pt modelId="{70EB54B5-DB9F-4098-B45B-D72FCCA56044}" type="pres">
      <dgm:prSet presAssocID="{553F030E-2C64-4137-9C07-C3E2BEE519FB}" presName="parTrans" presStyleCnt="0"/>
      <dgm:spPr/>
    </dgm:pt>
    <dgm:pt modelId="{E7F79BEB-E461-423E-B4AE-9A9E9319B8C0}" type="pres">
      <dgm:prSet presAssocID="{0ED2A793-E199-4136-822C-D8417537AF34}" presName="node" presStyleLbl="alignAccFollowNode1" presStyleIdx="32" presStyleCnt="36" custScaleX="142411">
        <dgm:presLayoutVars>
          <dgm:bulletEnabled val="1"/>
        </dgm:presLayoutVars>
      </dgm:prSet>
      <dgm:spPr/>
    </dgm:pt>
    <dgm:pt modelId="{940570BD-4632-4F5D-BF28-92187E6A9951}" type="pres">
      <dgm:prSet presAssocID="{DE38BFEC-B64D-4669-B195-B658E8E8AC27}" presName="sibTrans" presStyleCnt="0"/>
      <dgm:spPr/>
    </dgm:pt>
    <dgm:pt modelId="{DB590D5D-7E91-485E-A158-7F200C046DD6}" type="pres">
      <dgm:prSet presAssocID="{0FE0FB20-A57B-43A1-821D-9A1222388D19}" presName="node" presStyleLbl="alignAccFollowNode1" presStyleIdx="33" presStyleCnt="36" custScaleX="142411">
        <dgm:presLayoutVars>
          <dgm:bulletEnabled val="1"/>
        </dgm:presLayoutVars>
      </dgm:prSet>
      <dgm:spPr/>
    </dgm:pt>
    <dgm:pt modelId="{95B68F53-9E44-46E7-AA73-7FAC6165D862}" type="pres">
      <dgm:prSet presAssocID="{E2B7B845-60BD-47B1-9975-6881DA5F337B}" presName="sibTrans" presStyleCnt="0"/>
      <dgm:spPr/>
    </dgm:pt>
    <dgm:pt modelId="{3C99E5A0-81C9-4E13-AF40-9C0E68265C9E}" type="pres">
      <dgm:prSet presAssocID="{0D934BF2-5AF9-4FE2-9D47-4D57258F3290}" presName="node" presStyleLbl="alignAccFollowNode1" presStyleIdx="34" presStyleCnt="36" custScaleX="142411">
        <dgm:presLayoutVars>
          <dgm:bulletEnabled val="1"/>
        </dgm:presLayoutVars>
      </dgm:prSet>
      <dgm:spPr/>
    </dgm:pt>
    <dgm:pt modelId="{1E522E54-7FC4-46CB-A989-91E95E68952F}" type="pres">
      <dgm:prSet presAssocID="{C0E6D352-A5A8-4F55-8EEE-9FEAC3E1C72F}" presName="sibTrans" presStyleCnt="0"/>
      <dgm:spPr/>
    </dgm:pt>
    <dgm:pt modelId="{23566655-679D-4F68-A818-F9B20C311575}" type="pres">
      <dgm:prSet presAssocID="{963186A7-B3D6-43A1-B106-F4C471A529C9}" presName="node" presStyleLbl="alignAccFollowNode1" presStyleIdx="35" presStyleCnt="36" custScaleX="142411">
        <dgm:presLayoutVars>
          <dgm:bulletEnabled val="1"/>
        </dgm:presLayoutVars>
      </dgm:prSet>
      <dgm:spPr/>
    </dgm:pt>
  </dgm:ptLst>
  <dgm:cxnLst>
    <dgm:cxn modelId="{9CB1BD06-47B2-48AA-8E6C-EDDB812EE304}" type="presOf" srcId="{D63FC01B-E76A-4EF2-83B6-48265067C23D}" destId="{6CBC8931-C74A-4B3A-B981-D0CFF4674B60}" srcOrd="0" destOrd="0" presId="urn:microsoft.com/office/officeart/2005/8/layout/lProcess3"/>
    <dgm:cxn modelId="{B16F0607-E269-40BE-AFDE-ED3A83060584}" type="presOf" srcId="{831244C4-D3E2-4087-879D-06DD9EC301AA}" destId="{DDE5EF76-781C-4CBC-BA67-BDF3A3E8237F}" srcOrd="0" destOrd="0" presId="urn:microsoft.com/office/officeart/2005/8/layout/lProcess3"/>
    <dgm:cxn modelId="{1DE50C07-55F3-42BC-B0AE-6711AABC6859}" srcId="{0106021C-9DAE-49C8-A8B9-1032A94D3FEF}" destId="{3487B8E6-BA34-4DB2-BFD3-0D50AF888B55}" srcOrd="1" destOrd="0" parTransId="{D09E8779-2EEE-476F-9276-C6F24F06806F}" sibTransId="{58C7C1FB-507F-40AF-85A7-6571BCDE04EC}"/>
    <dgm:cxn modelId="{496B2B08-EF37-4029-A9BF-A5872FDBE7BC}" type="presOf" srcId="{E45CB670-EC98-4939-B489-02C3D780F1FF}" destId="{5C8D6F5A-DD94-46CC-A837-9E2E4B350696}" srcOrd="0" destOrd="0" presId="urn:microsoft.com/office/officeart/2005/8/layout/lProcess3"/>
    <dgm:cxn modelId="{414B260C-9A65-4364-B975-8DA9AE825479}" srcId="{AD727331-8031-4739-815D-5A26EB092F79}" destId="{426EC4C0-4D4E-418A-960D-D3EEB16C6579}" srcOrd="2" destOrd="0" parTransId="{F558C069-3C6D-4609-B54C-021C19DBD53E}" sibTransId="{B8F3D004-0A2D-4834-A514-DC07850FAB2D}"/>
    <dgm:cxn modelId="{F895460C-2280-4FA9-B2B8-1BA7E7CA7E44}" type="presOf" srcId="{0D934BF2-5AF9-4FE2-9D47-4D57258F3290}" destId="{3C99E5A0-81C9-4E13-AF40-9C0E68265C9E}" srcOrd="0" destOrd="0" presId="urn:microsoft.com/office/officeart/2005/8/layout/lProcess3"/>
    <dgm:cxn modelId="{0C16B00D-27C3-4301-8FDE-CDD0CAEA7CD7}" srcId="{F52C4039-C48D-4BC1-A1DE-0DB6AD326EA6}" destId="{54450056-0BBB-4D05-8D42-16290DA75758}" srcOrd="7" destOrd="0" parTransId="{927D1EA7-5D9D-40C7-891C-FAA2B41E80D1}" sibTransId="{B63DF855-707B-43D1-8F0F-2DFCB171A190}"/>
    <dgm:cxn modelId="{AF71A510-BDC6-48A0-A63B-ADA11457EE14}" type="presOf" srcId="{0475BA38-B21D-4F1C-92DB-84554C18D81B}" destId="{AB6E59BE-FCB2-4295-9D34-1161E73C8080}" srcOrd="0" destOrd="0" presId="urn:microsoft.com/office/officeart/2005/8/layout/lProcess3"/>
    <dgm:cxn modelId="{17D0C010-AB86-4592-87BD-6864B6F20156}" type="presOf" srcId="{4E4D267F-1517-44BB-9C94-E69BF770BC0F}" destId="{7EE40AB7-EDF7-4F5C-8859-65314C73A82F}" srcOrd="0" destOrd="0" presId="urn:microsoft.com/office/officeart/2005/8/layout/lProcess3"/>
    <dgm:cxn modelId="{542F8411-6453-4F18-BC84-DFFD3D39024C}" type="presOf" srcId="{796456D3-6E7C-4583-9259-E704E51E9DD7}" destId="{A3D52505-6D84-4229-835E-AE7B1906E32C}" srcOrd="0" destOrd="0" presId="urn:microsoft.com/office/officeart/2005/8/layout/lProcess3"/>
    <dgm:cxn modelId="{B0979017-8D7D-4BA2-AE11-AF7B6D8322FB}" type="presOf" srcId="{31AF2739-CBC9-4BC8-9851-96CD0771279C}" destId="{18B8E479-2ECD-484C-B333-5E21DE94FF82}" srcOrd="0" destOrd="0" presId="urn:microsoft.com/office/officeart/2005/8/layout/lProcess3"/>
    <dgm:cxn modelId="{F0885A19-69C3-445D-9475-34DF03C8938F}" srcId="{3D11786C-D36F-4651-8E65-3A99AB353092}" destId="{903E7660-C196-42CD-ADBF-37D4257EA138}" srcOrd="0" destOrd="0" parTransId="{934A98D7-F214-47B9-976F-67FAA5B061AF}" sibTransId="{9FEB5128-D875-4345-977C-0012D457FBC6}"/>
    <dgm:cxn modelId="{802E451D-0D90-4FE1-86D1-BDC99DCEFEAF}" type="presOf" srcId="{D25E5028-1911-4507-846D-D7800BCD8B4A}" destId="{7E88AAF1-06F7-4F95-B66F-F5FDB4EB352E}" srcOrd="0" destOrd="0" presId="urn:microsoft.com/office/officeart/2005/8/layout/lProcess3"/>
    <dgm:cxn modelId="{10932620-F661-4270-9612-405A2992D7DE}" srcId="{52719456-D95C-4A3A-AA47-600B42F5E11E}" destId="{6D08DC4C-9278-40B0-88AD-1A9B77637BF4}" srcOrd="1" destOrd="0" parTransId="{7C51BFE2-7D0E-46AB-AF6A-F8C97A5C8ADD}" sibTransId="{36BF5758-D3D0-4C19-9135-0701664DC3E9}"/>
    <dgm:cxn modelId="{63227D25-F3B3-4988-8151-C27A2DF5EF81}" type="presOf" srcId="{0ED2A793-E199-4136-822C-D8417537AF34}" destId="{E7F79BEB-E461-423E-B4AE-9A9E9319B8C0}" srcOrd="0" destOrd="0" presId="urn:microsoft.com/office/officeart/2005/8/layout/lProcess3"/>
    <dgm:cxn modelId="{9B636F2B-5B31-4354-9FAC-E63A88E618B7}" type="presOf" srcId="{378AAA74-EBB6-492F-9409-275DF8D92F59}" destId="{B9CE23C5-A246-44E2-B29A-8D1DF269D6AB}" srcOrd="0" destOrd="0" presId="urn:microsoft.com/office/officeart/2005/8/layout/lProcess3"/>
    <dgm:cxn modelId="{738C882E-97CD-4E89-8CDF-3D69677BCFB2}" type="presOf" srcId="{8D5CEFD1-7466-4FFD-8348-64013324639E}" destId="{F162A6A5-FE6D-45B7-95A9-A6DA6718E5DD}" srcOrd="0" destOrd="0" presId="urn:microsoft.com/office/officeart/2005/8/layout/lProcess3"/>
    <dgm:cxn modelId="{F4E0C834-A662-4567-AF78-ECFC85D05F9B}" srcId="{F5843D5A-C4E2-473A-A167-13E49250A315}" destId="{0D934BF2-5AF9-4FE2-9D47-4D57258F3290}" srcOrd="2" destOrd="0" parTransId="{F1FC7B89-5990-48F6-9E90-55CA981D9BA0}" sibTransId="{C0E6D352-A5A8-4F55-8EEE-9FEAC3E1C72F}"/>
    <dgm:cxn modelId="{314E6437-4739-4CD0-A779-2A0AED00DA3B}" srcId="{AD727331-8031-4739-815D-5A26EB092F79}" destId="{796456D3-6E7C-4583-9259-E704E51E9DD7}" srcOrd="3" destOrd="0" parTransId="{5125B9A6-101D-470F-942F-F2C9FCF7EFF1}" sibTransId="{37824E13-91F2-4799-A339-96C3682BE59F}"/>
    <dgm:cxn modelId="{EB948438-2E59-4C53-BFFE-4E22E1862CF9}" srcId="{F52C4039-C48D-4BC1-A1DE-0DB6AD326EA6}" destId="{38392A24-7598-489A-9ECC-A003660EAADB}" srcOrd="4" destOrd="0" parTransId="{F3AF42A8-5544-4683-BB8E-BD738A42D959}" sibTransId="{BCF1A35E-F4E3-468B-B78A-B8B69F8CEBF0}"/>
    <dgm:cxn modelId="{7330C63A-AF4E-4C87-90EF-163BE10536A1}" type="presOf" srcId="{15F934BA-739A-4AF1-AACA-997FD5931F26}" destId="{6D2BC101-2416-4B52-ACBB-E8661DE7E285}" srcOrd="0" destOrd="0" presId="urn:microsoft.com/office/officeart/2005/8/layout/lProcess3"/>
    <dgm:cxn modelId="{7FAD303B-55B2-419E-9280-E356B07FEA8F}" type="presOf" srcId="{682DA07B-F69B-41E4-B7EF-66749708CBB9}" destId="{1778034B-FC78-483B-9843-A343567CC9EC}" srcOrd="0" destOrd="0" presId="urn:microsoft.com/office/officeart/2005/8/layout/lProcess3"/>
    <dgm:cxn modelId="{9CDBDE3B-5728-47C9-A424-9AB8D82CFA5F}" type="presOf" srcId="{F470CE87-ECEA-4288-B9BB-434299242411}" destId="{248392E5-3697-49C0-9670-1545622681DA}" srcOrd="0" destOrd="0" presId="urn:microsoft.com/office/officeart/2005/8/layout/lProcess3"/>
    <dgm:cxn modelId="{6F7D883C-AEF9-4F02-881B-A9E7321D2E6B}" srcId="{89BFD2E5-79E0-49C3-A382-43FB88B08B5F}" destId="{14630577-9385-4DE3-9B8B-036882663162}" srcOrd="2" destOrd="0" parTransId="{EA6CB63B-C39A-4370-9552-F282A6CDEBD4}" sibTransId="{C946EE6C-42CD-49BB-8718-66A159E52410}"/>
    <dgm:cxn modelId="{B0F8C73D-E182-450E-BB30-67BA5701CA71}" srcId="{D63FC01B-E76A-4EF2-83B6-48265067C23D}" destId="{F86DF711-A9C8-46B7-AE53-F33ACA49C64D}" srcOrd="2" destOrd="0" parTransId="{A50CB35F-301C-451E-93AC-D22FD3241D4B}" sibTransId="{A01C741C-98AD-42A8-B8B5-915A1BE269C2}"/>
    <dgm:cxn modelId="{E731593E-D053-4EB7-A799-06D0DD9B68F4}" type="presOf" srcId="{54450056-0BBB-4D05-8D42-16290DA75758}" destId="{BF35237C-7CFF-49AC-9B72-292F9CBBF607}" srcOrd="0" destOrd="0" presId="urn:microsoft.com/office/officeart/2005/8/layout/lProcess3"/>
    <dgm:cxn modelId="{22A0EB3E-EC34-4950-8B51-067ECFBA90A3}" type="presOf" srcId="{89BFD2E5-79E0-49C3-A382-43FB88B08B5F}" destId="{D3E033ED-358D-4ED9-AD2A-6300E3316884}" srcOrd="0" destOrd="0" presId="urn:microsoft.com/office/officeart/2005/8/layout/lProcess3"/>
    <dgm:cxn modelId="{AB35AC3F-FD8A-4A00-AE95-2DCEE3D678EC}" srcId="{0106021C-9DAE-49C8-A8B9-1032A94D3FEF}" destId="{15F934BA-739A-4AF1-AACA-997FD5931F26}" srcOrd="0" destOrd="0" parTransId="{FBF40BFC-CAB4-48FB-A669-2C7D67D60CCB}" sibTransId="{C8A71F53-B25A-4950-B1EE-353BD5609E7F}"/>
    <dgm:cxn modelId="{7743785D-FE2A-401F-86E9-22ADB6427705}" srcId="{F52C4039-C48D-4BC1-A1DE-0DB6AD326EA6}" destId="{F5843D5A-C4E2-473A-A167-13E49250A315}" srcOrd="10" destOrd="0" parTransId="{B6B40830-196D-482C-A1A9-6CAA24653176}" sibTransId="{AE51DEC9-E4A1-4806-8CB0-61D9242EBB72}"/>
    <dgm:cxn modelId="{D315E25E-100E-41EF-9419-C0847150971B}" srcId="{89BFD2E5-79E0-49C3-A382-43FB88B08B5F}" destId="{831244C4-D3E2-4087-879D-06DD9EC301AA}" srcOrd="3" destOrd="0" parTransId="{4544D097-1CC3-467D-94DA-1FFC6F2D2FDD}" sibTransId="{AA652E2F-6EA2-494C-AB50-649E22EAE380}"/>
    <dgm:cxn modelId="{FC937D42-2810-4B92-A63B-8E8EA52FD9DB}" type="presOf" srcId="{96FD93FC-3600-487B-AFF3-6A7D2EBF6CE5}" destId="{46282838-8CD3-4444-A9D4-3BA1C411D022}" srcOrd="0" destOrd="0" presId="urn:microsoft.com/office/officeart/2005/8/layout/lProcess3"/>
    <dgm:cxn modelId="{DBDC9346-BE27-46FB-A4D8-1F9325DB977F}" type="presOf" srcId="{09B597F5-3C1B-46DD-A065-72E2ED556594}" destId="{F6AF7719-5A9C-466B-9F46-140C05E0B816}" srcOrd="0" destOrd="0" presId="urn:microsoft.com/office/officeart/2005/8/layout/lProcess3"/>
    <dgm:cxn modelId="{9382BA67-00C4-474D-8E39-26F9E0FEFE17}" srcId="{31E1A890-383C-4258-858A-9721D8F5D715}" destId="{4D568B58-371D-4D23-B1C9-F4145D1A11DE}" srcOrd="0" destOrd="0" parTransId="{79F175EF-DD85-4386-9672-2F08F205AC25}" sibTransId="{197A34AF-B582-49D0-A4D4-03CFF65CEF25}"/>
    <dgm:cxn modelId="{A07BBB67-D8F0-4556-8138-E422A9F57F2D}" type="presOf" srcId="{EFF8441F-D754-49C0-A73E-CF206C3C6883}" destId="{82EC884E-E8E1-4402-8A8C-1B62F47BEE3C}" srcOrd="0" destOrd="0" presId="urn:microsoft.com/office/officeart/2005/8/layout/lProcess3"/>
    <dgm:cxn modelId="{D7A5056E-9E74-4019-879E-EE632F38FECC}" srcId="{F52C4039-C48D-4BC1-A1DE-0DB6AD326EA6}" destId="{89BFD2E5-79E0-49C3-A382-43FB88B08B5F}" srcOrd="1" destOrd="0" parTransId="{B8EFFAAD-B0EE-49DC-9B9C-D09ED72F5A41}" sibTransId="{BC41678B-CD18-4907-A585-1EB8D2B0534C}"/>
    <dgm:cxn modelId="{B23E3850-71E7-4C10-B8A5-728EDC2322A8}" srcId="{31E1A890-383C-4258-858A-9721D8F5D715}" destId="{EFF8441F-D754-49C0-A73E-CF206C3C6883}" srcOrd="1" destOrd="0" parTransId="{1123E570-8A90-49D0-A3A5-6EF50282DCA0}" sibTransId="{9B372F56-80C9-4308-97D4-8A6FAA58F937}"/>
    <dgm:cxn modelId="{4F41B151-B940-4668-8F69-3DD3564DB088}" srcId="{F52C4039-C48D-4BC1-A1DE-0DB6AD326EA6}" destId="{31E1A890-383C-4258-858A-9721D8F5D715}" srcOrd="5" destOrd="0" parTransId="{AC00F1C4-8A3D-4321-9256-D642BFD80C58}" sibTransId="{0D1547B9-F59C-4520-82C7-BF2FAD5D08D3}"/>
    <dgm:cxn modelId="{D718C451-D819-45AB-B6AF-2A2EA309967B}" srcId="{31E1A890-383C-4258-858A-9721D8F5D715}" destId="{8D5BD567-A215-451E-ABEC-76A25B23E585}" srcOrd="3" destOrd="0" parTransId="{88DF716A-18EF-4967-B22D-0683037F894D}" sibTransId="{968FCE0C-992B-4ED1-B5B8-6B39FFBB71DA}"/>
    <dgm:cxn modelId="{5B1C3372-457A-4EA7-98F7-81DFA9670BE1}" srcId="{52719456-D95C-4A3A-AA47-600B42F5E11E}" destId="{CE40D328-CF3E-484F-8D01-E2C3FB8C0B57}" srcOrd="0" destOrd="0" parTransId="{E078C730-FD77-43A8-8E6A-1C357EEBE428}" sibTransId="{DF785C70-9FE3-4175-9B92-9A2FB773E436}"/>
    <dgm:cxn modelId="{B0DCD972-D647-4565-9ABA-436E947C409A}" type="presOf" srcId="{6D08DC4C-9278-40B0-88AD-1A9B77637BF4}" destId="{1A0B866D-BCD7-4F8C-8136-3585C8D5697D}" srcOrd="0" destOrd="0" presId="urn:microsoft.com/office/officeart/2005/8/layout/lProcess3"/>
    <dgm:cxn modelId="{05C6D254-482E-4F69-94E0-9BA298F5011B}" srcId="{F5843D5A-C4E2-473A-A167-13E49250A315}" destId="{0ED2A793-E199-4136-822C-D8417537AF34}" srcOrd="0" destOrd="0" parTransId="{553F030E-2C64-4137-9C07-C3E2BEE519FB}" sibTransId="{DE38BFEC-B64D-4669-B195-B658E8E8AC27}"/>
    <dgm:cxn modelId="{E95BE474-395F-45D2-913A-9474DC2C8D87}" type="presOf" srcId="{F52C4039-C48D-4BC1-A1DE-0DB6AD326EA6}" destId="{6E453C46-B874-4F4F-BC0E-ED2982B5FD85}" srcOrd="0" destOrd="0" presId="urn:microsoft.com/office/officeart/2005/8/layout/lProcess3"/>
    <dgm:cxn modelId="{D43A7056-7290-499F-9C00-2FC91BD50663}" srcId="{D63FC01B-E76A-4EF2-83B6-48265067C23D}" destId="{97604F43-0501-4403-8225-998D59EB6FAD}" srcOrd="0" destOrd="0" parTransId="{878583C4-C9BA-4253-91B3-05AF08394682}" sibTransId="{A0850172-F955-4D56-8251-BECF3B78A739}"/>
    <dgm:cxn modelId="{326CAE56-F840-47ED-969D-C20C4BBB0965}" srcId="{D63FC01B-E76A-4EF2-83B6-48265067C23D}" destId="{F470CE87-ECEA-4288-B9BB-434299242411}" srcOrd="1" destOrd="0" parTransId="{3374C906-EC8D-43DF-9BF5-0E68FCAE1EC7}" sibTransId="{D55F3FB8-F217-4DD7-9236-B339A9ABBF84}"/>
    <dgm:cxn modelId="{2A4CE17C-5701-46BD-AE95-B742E8B0852E}" type="presOf" srcId="{38392A24-7598-489A-9ECC-A003660EAADB}" destId="{10F5CE01-044C-48A0-8C29-958D787E98E5}" srcOrd="0" destOrd="0" presId="urn:microsoft.com/office/officeart/2005/8/layout/lProcess3"/>
    <dgm:cxn modelId="{C1CDCC85-C99B-4A51-A059-A88B9656AEAF}" srcId="{F52C4039-C48D-4BC1-A1DE-0DB6AD326EA6}" destId="{AD727331-8031-4739-815D-5A26EB092F79}" srcOrd="9" destOrd="0" parTransId="{9D9D15E4-2284-4C53-9B6E-A495C0A9E146}" sibTransId="{BBD0625D-55AE-403C-AA71-5ADC7A14DC6A}"/>
    <dgm:cxn modelId="{F9EE818A-B07D-4516-8B23-5C85F9E48AFF}" type="presOf" srcId="{3D11786C-D36F-4651-8E65-3A99AB353092}" destId="{B62E7441-2FB6-47A7-A81F-90564CD85756}" srcOrd="0" destOrd="0" presId="urn:microsoft.com/office/officeart/2005/8/layout/lProcess3"/>
    <dgm:cxn modelId="{B30C9A8A-C78C-42B7-8FA6-54835034E91B}" type="presOf" srcId="{97604F43-0501-4403-8225-998D59EB6FAD}" destId="{6C47CBE2-0B49-4301-B9C2-EDE681AA203E}" srcOrd="0" destOrd="0" presId="urn:microsoft.com/office/officeart/2005/8/layout/lProcess3"/>
    <dgm:cxn modelId="{F32B798C-9211-46F8-A772-8CCA03FCBCB4}" type="presOf" srcId="{CE40D328-CF3E-484F-8D01-E2C3FB8C0B57}" destId="{A0987B6D-8C8C-45D5-85A0-B7B0FC88188E}" srcOrd="0" destOrd="0" presId="urn:microsoft.com/office/officeart/2005/8/layout/lProcess3"/>
    <dgm:cxn modelId="{DD0BD08F-5E08-4284-B798-00DE2D06024E}" srcId="{AD727331-8031-4739-815D-5A26EB092F79}" destId="{96FD93FC-3600-487B-AFF3-6A7D2EBF6CE5}" srcOrd="0" destOrd="0" parTransId="{04E6C6DC-5D7A-4FC5-A6AE-C8D9242F7AF9}" sibTransId="{6A93F2C6-1A8D-4A9A-AB96-DA538CF99950}"/>
    <dgm:cxn modelId="{3B5D3792-102B-41DE-916C-5F624E7F0193}" srcId="{F5843D5A-C4E2-473A-A167-13E49250A315}" destId="{0FE0FB20-A57B-43A1-821D-9A1222388D19}" srcOrd="1" destOrd="0" parTransId="{ACB4E047-DD90-456D-ADA4-74F40D969E6F}" sibTransId="{E2B7B845-60BD-47B1-9975-6881DA5F337B}"/>
    <dgm:cxn modelId="{B1514F94-36BF-4077-B9F6-917FB1AF4F1D}" type="presOf" srcId="{3487B8E6-BA34-4DB2-BFD3-0D50AF888B55}" destId="{4DFA2B09-EF5A-4472-A291-7A0359193308}" srcOrd="0" destOrd="0" presId="urn:microsoft.com/office/officeart/2005/8/layout/lProcess3"/>
    <dgm:cxn modelId="{812C2795-F2A8-400E-9193-2F11AEFCD1B7}" type="presOf" srcId="{31E1A890-383C-4258-858A-9721D8F5D715}" destId="{3CE831BD-1A3D-40BD-AB03-6D3734865645}" srcOrd="0" destOrd="0" presId="urn:microsoft.com/office/officeart/2005/8/layout/lProcess3"/>
    <dgm:cxn modelId="{853B3996-BA5B-4222-B554-5909D64F4313}" type="presOf" srcId="{F5843D5A-C4E2-473A-A167-13E49250A315}" destId="{EE966B18-F7FE-448A-8E61-7C74EA911719}" srcOrd="0" destOrd="0" presId="urn:microsoft.com/office/officeart/2005/8/layout/lProcess3"/>
    <dgm:cxn modelId="{1184FE98-CC14-4575-9F7E-C6D89BA15CC1}" srcId="{F52C4039-C48D-4BC1-A1DE-0DB6AD326EA6}" destId="{D63FC01B-E76A-4EF2-83B6-48265067C23D}" srcOrd="2" destOrd="0" parTransId="{04B2144D-8FFA-4406-A6D4-3040D8051039}" sibTransId="{BA582809-1492-4F87-ACC5-DF33830A5B15}"/>
    <dgm:cxn modelId="{3BAF829B-71D1-424A-8901-37AB329E8068}" type="presOf" srcId="{8D5BD567-A215-451E-ABEC-76A25B23E585}" destId="{CA91CA90-19D8-4921-9EE0-85B2D803B062}" srcOrd="0" destOrd="0" presId="urn:microsoft.com/office/officeart/2005/8/layout/lProcess3"/>
    <dgm:cxn modelId="{C297C09B-B501-493E-B380-C687D239D423}" srcId="{89BFD2E5-79E0-49C3-A382-43FB88B08B5F}" destId="{31AF2739-CBC9-4BC8-9851-96CD0771279C}" srcOrd="0" destOrd="0" parTransId="{2E20AB32-45A9-46D8-B7F8-6120175D6669}" sibTransId="{D4148E94-068F-41F0-8C40-817594957A38}"/>
    <dgm:cxn modelId="{DBFC369C-DF8B-42CF-AE64-340F5C92E47F}" type="presOf" srcId="{53DA1B74-B888-432D-A715-AD0FDD7E4DA7}" destId="{0574FC9B-1DEA-47E4-9B22-A932C57C4058}" srcOrd="0" destOrd="0" presId="urn:microsoft.com/office/officeart/2005/8/layout/lProcess3"/>
    <dgm:cxn modelId="{4C83AD9E-4DE4-4261-8B9D-F9095B7422ED}" srcId="{38392A24-7598-489A-9ECC-A003660EAADB}" destId="{243FE407-2FC7-4259-A80E-CEB0E74E40A4}" srcOrd="0" destOrd="0" parTransId="{5C15DC43-2965-46E4-B3BB-328D544B2604}" sibTransId="{F0204B07-6C7B-48A4-869C-D540A35E3118}"/>
    <dgm:cxn modelId="{6F2FC99E-E2FF-4ACD-B817-CC5BA5BBB7A5}" type="presOf" srcId="{14630577-9385-4DE3-9B8B-036882663162}" destId="{26D3B25B-7EF2-4DEF-AAAE-07772306E07A}" srcOrd="0" destOrd="0" presId="urn:microsoft.com/office/officeart/2005/8/layout/lProcess3"/>
    <dgm:cxn modelId="{861F7AA0-19D5-4DA1-94A3-731FA94A2F2D}" srcId="{F52C4039-C48D-4BC1-A1DE-0DB6AD326EA6}" destId="{0106021C-9DAE-49C8-A8B9-1032A94D3FEF}" srcOrd="0" destOrd="0" parTransId="{52DA7364-96A5-416B-BAEB-B08A3F31877A}" sibTransId="{18AA6188-FA17-4A65-B826-8BE651DEA1D3}"/>
    <dgm:cxn modelId="{99FC19A1-70DD-4057-A92F-E3198595F4C0}" type="presOf" srcId="{903E7660-C196-42CD-ADBF-37D4257EA138}" destId="{69D3A654-C2F0-44CC-92ED-D5990E44E1CE}" srcOrd="0" destOrd="0" presId="urn:microsoft.com/office/officeart/2005/8/layout/lProcess3"/>
    <dgm:cxn modelId="{16E1D9A1-8C73-4D07-B45A-971C6B6B1AC5}" srcId="{3D11786C-D36F-4651-8E65-3A99AB353092}" destId="{682DA07B-F69B-41E4-B7EF-66749708CBB9}" srcOrd="1" destOrd="0" parTransId="{AFDD64F7-6A0F-4D8E-82D0-1DD7A34D0481}" sibTransId="{9CEDC004-4034-4DFC-AB41-EB2871BA2929}"/>
    <dgm:cxn modelId="{268667A3-DE47-4F92-B14F-5EACE30EB6B0}" srcId="{378AAA74-EBB6-492F-9409-275DF8D92F59}" destId="{8EAD30AA-3406-42ED-8C81-A2A5AEF8F0E6}" srcOrd="0" destOrd="0" parTransId="{42C6C4FB-E458-458D-9375-0579A1D72BDD}" sibTransId="{8F6C76B4-AE82-4DA6-85CC-62CFA7C96FD6}"/>
    <dgm:cxn modelId="{A197F6A9-5FB8-4466-BD04-1583FEB722D9}" type="presOf" srcId="{243FE407-2FC7-4259-A80E-CEB0E74E40A4}" destId="{6064C79A-113C-4A98-8D4E-CB9F7DE76ADD}" srcOrd="0" destOrd="0" presId="urn:microsoft.com/office/officeart/2005/8/layout/lProcess3"/>
    <dgm:cxn modelId="{D18DF8A9-3171-4075-9EF9-1E1D205E0FD6}" srcId="{38392A24-7598-489A-9ECC-A003660EAADB}" destId="{E84E05FE-01DD-4DE7-AF8A-A9F9A2094273}" srcOrd="1" destOrd="0" parTransId="{99D71DD8-10D9-4777-9C91-B2D4BD3D96B1}" sibTransId="{D59B5F28-A837-4038-9389-A7976A06CB14}"/>
    <dgm:cxn modelId="{6D6E59AB-A83D-4C88-A3CC-966DFDC9187B}" srcId="{D63FC01B-E76A-4EF2-83B6-48265067C23D}" destId="{53DA1B74-B888-432D-A715-AD0FDD7E4DA7}" srcOrd="3" destOrd="0" parTransId="{BE0BBE90-363A-4716-AEB1-BCEFCD8C8428}" sibTransId="{C871458E-680D-481B-84C3-64898917DA0D}"/>
    <dgm:cxn modelId="{5F3514AC-4400-4A48-B64B-C5BB873555BA}" srcId="{0106021C-9DAE-49C8-A8B9-1032A94D3FEF}" destId="{D25E5028-1911-4507-846D-D7800BCD8B4A}" srcOrd="4" destOrd="0" parTransId="{1D64BFB8-F77E-4236-AF18-9027AB1AD864}" sibTransId="{F6B1EAC3-DB42-4C0A-9466-427B0C85925B}"/>
    <dgm:cxn modelId="{3B323AAC-A903-4396-90DA-0A8761A76D45}" srcId="{F52C4039-C48D-4BC1-A1DE-0DB6AD326EA6}" destId="{52719456-D95C-4A3A-AA47-600B42F5E11E}" srcOrd="3" destOrd="0" parTransId="{0E2F0AB5-88E7-4061-9024-BD302F323907}" sibTransId="{F9103A69-7C59-4820-900C-B35D5C18071B}"/>
    <dgm:cxn modelId="{00BDB0AF-0265-4D96-8649-FE3B92C8A145}" srcId="{0106021C-9DAE-49C8-A8B9-1032A94D3FEF}" destId="{B60CE14E-8E2E-45B2-9E08-316A2D004A26}" srcOrd="3" destOrd="0" parTransId="{306CBAE8-D0CF-4773-818B-8117AC568410}" sibTransId="{3FAED0EC-97AE-4FC6-910E-F7E375060C3B}"/>
    <dgm:cxn modelId="{AB8452B4-3615-4EA2-AD4C-B0FF91BF0037}" type="presOf" srcId="{AD727331-8031-4739-815D-5A26EB092F79}" destId="{5627BBB1-07A8-428A-BF4A-51EE1F3F093A}" srcOrd="0" destOrd="0" presId="urn:microsoft.com/office/officeart/2005/8/layout/lProcess3"/>
    <dgm:cxn modelId="{E7AD80B4-B583-40B3-910B-60F0CA52507F}" type="presOf" srcId="{F86DF711-A9C8-46B7-AE53-F33ACA49C64D}" destId="{3B8B2579-AC14-4AE0-B8CC-B2045B99E436}" srcOrd="0" destOrd="0" presId="urn:microsoft.com/office/officeart/2005/8/layout/lProcess3"/>
    <dgm:cxn modelId="{D9C554B8-221B-4608-8A7C-FCA4D5E4C638}" type="presOf" srcId="{8FC0F495-5C12-41F4-B407-93BF85FA17C9}" destId="{6D79525C-592F-49AE-81D4-586E5304CEA4}" srcOrd="0" destOrd="0" presId="urn:microsoft.com/office/officeart/2005/8/layout/lProcess3"/>
    <dgm:cxn modelId="{BA1220BE-B91D-48E8-B364-7BA1865E8537}" srcId="{378AAA74-EBB6-492F-9409-275DF8D92F59}" destId="{E45CB670-EC98-4939-B489-02C3D780F1FF}" srcOrd="1" destOrd="0" parTransId="{CE05120D-09D3-43E9-934C-C3E60AD98CFC}" sibTransId="{FA7C842B-43F3-4F68-AAC0-5F0B5573A9D7}"/>
    <dgm:cxn modelId="{252B61BF-8611-4325-8254-4C2935058CFD}" type="presOf" srcId="{E84E05FE-01DD-4DE7-AF8A-A9F9A2094273}" destId="{A8C379BF-AF99-4DC5-AC4B-D1D518136B1E}" srcOrd="0" destOrd="0" presId="urn:microsoft.com/office/officeart/2005/8/layout/lProcess3"/>
    <dgm:cxn modelId="{65883CC0-A2EB-4E6A-A50E-DC480F7670FA}" type="presOf" srcId="{24363B23-281D-4BB1-BC50-DAA65EF7F881}" destId="{22CB04D5-CCF2-4232-8850-06414BD4E99F}" srcOrd="0" destOrd="0" presId="urn:microsoft.com/office/officeart/2005/8/layout/lProcess3"/>
    <dgm:cxn modelId="{FA8EECC2-8A93-4390-BC79-12E1BE5A39CE}" srcId="{31E1A890-383C-4258-858A-9721D8F5D715}" destId="{8D5CEFD1-7466-4FFD-8348-64013324639E}" srcOrd="2" destOrd="0" parTransId="{8E5EBB2E-F752-458B-AA20-37B5199D679F}" sibTransId="{7764A5ED-F8C2-4ADD-8A48-CC5581F3D8B1}"/>
    <dgm:cxn modelId="{FAA7F8C2-BA3A-4DBB-AB14-656601075CD0}" type="presOf" srcId="{8EAD30AA-3406-42ED-8C81-A2A5AEF8F0E6}" destId="{CE541F93-DDE7-4016-B2C8-F29D9571DCE3}" srcOrd="0" destOrd="0" presId="urn:microsoft.com/office/officeart/2005/8/layout/lProcess3"/>
    <dgm:cxn modelId="{8E1412C4-BE64-4440-9E1C-7178C5838310}" srcId="{AD727331-8031-4739-815D-5A26EB092F79}" destId="{7A203708-7B9A-407E-AE71-D0D8FF5ACF67}" srcOrd="1" destOrd="0" parTransId="{D0D1D2F0-221F-416D-ADE0-42EFC05B2A88}" sibTransId="{50FB3B73-52DF-4721-B1EB-7FC65F31A54B}"/>
    <dgm:cxn modelId="{4947F7C8-9596-44D8-ACD2-7204EE2CD3E0}" type="presOf" srcId="{0106021C-9DAE-49C8-A8B9-1032A94D3FEF}" destId="{33A481E4-15C1-4F28-A561-813868B18519}" srcOrd="0" destOrd="0" presId="urn:microsoft.com/office/officeart/2005/8/layout/lProcess3"/>
    <dgm:cxn modelId="{443C22CF-7945-42A3-9342-7F013E9D2F42}" type="presOf" srcId="{4D568B58-371D-4D23-B1C9-F4145D1A11DE}" destId="{536CE56D-F9A2-43C1-A618-A2EC07FDB889}" srcOrd="0" destOrd="0" presId="urn:microsoft.com/office/officeart/2005/8/layout/lProcess3"/>
    <dgm:cxn modelId="{E91809D3-835B-4C63-B254-88400614B8A0}" type="presOf" srcId="{426EC4C0-4D4E-418A-960D-D3EEB16C6579}" destId="{58718458-1132-42CA-BD00-7E52AD08521B}" srcOrd="0" destOrd="0" presId="urn:microsoft.com/office/officeart/2005/8/layout/lProcess3"/>
    <dgm:cxn modelId="{058565D3-0438-4A99-B2F0-AF7113E34B53}" srcId="{89BFD2E5-79E0-49C3-A382-43FB88B08B5F}" destId="{24363B23-281D-4BB1-BC50-DAA65EF7F881}" srcOrd="1" destOrd="0" parTransId="{F80B7F02-86F1-4822-9D94-DB97496BADD8}" sibTransId="{7B20FCA8-702D-4CBF-BD89-7A437D3358A1}"/>
    <dgm:cxn modelId="{165DD6D3-124B-456A-A70E-84730A73C8F7}" type="presOf" srcId="{7A203708-7B9A-407E-AE71-D0D8FF5ACF67}" destId="{2DB4C822-1604-4C82-AE00-2BFBDD54752B}" srcOrd="0" destOrd="0" presId="urn:microsoft.com/office/officeart/2005/8/layout/lProcess3"/>
    <dgm:cxn modelId="{771B75D4-1E2C-418C-8AFB-032DFF31F9F2}" type="presOf" srcId="{0FE0FB20-A57B-43A1-821D-9A1222388D19}" destId="{DB590D5D-7E91-485E-A158-7F200C046DD6}" srcOrd="0" destOrd="0" presId="urn:microsoft.com/office/officeart/2005/8/layout/lProcess3"/>
    <dgm:cxn modelId="{890B20D7-2618-4A72-8702-495335528070}" srcId="{0106021C-9DAE-49C8-A8B9-1032A94D3FEF}" destId="{09B597F5-3C1B-46DD-A065-72E2ED556594}" srcOrd="2" destOrd="0" parTransId="{29F92052-9885-4E29-B74E-84E4F0363EEC}" sibTransId="{04DECCD1-C816-44C0-B85D-1D8C8F5F71AC}"/>
    <dgm:cxn modelId="{DAA39AD7-EFF5-4CC8-9F91-6F346476A730}" type="presOf" srcId="{B60CE14E-8E2E-45B2-9E08-316A2D004A26}" destId="{E248E14A-B209-4144-B889-0371A662B479}" srcOrd="0" destOrd="0" presId="urn:microsoft.com/office/officeart/2005/8/layout/lProcess3"/>
    <dgm:cxn modelId="{36D83AD8-D832-48B0-828F-B24A70467FCF}" type="presOf" srcId="{963186A7-B3D6-43A1-B106-F4C471A529C9}" destId="{23566655-679D-4F68-A818-F9B20C311575}" srcOrd="0" destOrd="0" presId="urn:microsoft.com/office/officeart/2005/8/layout/lProcess3"/>
    <dgm:cxn modelId="{BFA6EEE2-72B9-48C2-B9DD-96C1C3CD58B6}" srcId="{378AAA74-EBB6-492F-9409-275DF8D92F59}" destId="{4E4D267F-1517-44BB-9C94-E69BF770BC0F}" srcOrd="2" destOrd="0" parTransId="{3594F9AA-0C79-49D1-9D96-2462AD85578E}" sibTransId="{F55F3629-79B0-489C-85C4-7E08883B031E}"/>
    <dgm:cxn modelId="{0D16D6E5-37AC-409E-816F-7B9AC0FEA3BD}" srcId="{54450056-0BBB-4D05-8D42-16290DA75758}" destId="{0475BA38-B21D-4F1C-92DB-84554C18D81B}" srcOrd="1" destOrd="0" parTransId="{748710D3-40BE-4DAA-897A-165489140D1D}" sibTransId="{B3FA1DC0-6D12-4184-9090-C56341DE1C7C}"/>
    <dgm:cxn modelId="{982826E7-85F8-48AC-8B8D-08E802EF4A46}" srcId="{F52C4039-C48D-4BC1-A1DE-0DB6AD326EA6}" destId="{3D11786C-D36F-4651-8E65-3A99AB353092}" srcOrd="8" destOrd="0" parTransId="{BB1FB815-1420-4B9D-8D4A-0E1A7CEC296C}" sibTransId="{5FAC55AB-1960-4877-8D0D-36DCA60D7F84}"/>
    <dgm:cxn modelId="{E7D917E8-D5E7-46E9-9627-2F57FA328277}" type="presOf" srcId="{52719456-D95C-4A3A-AA47-600B42F5E11E}" destId="{EBA6F718-4C27-472D-9622-8BF3661A0AA7}" srcOrd="0" destOrd="0" presId="urn:microsoft.com/office/officeart/2005/8/layout/lProcess3"/>
    <dgm:cxn modelId="{04F193F4-860A-4016-9076-C4C742764311}" srcId="{54450056-0BBB-4D05-8D42-16290DA75758}" destId="{8FC0F495-5C12-41F4-B407-93BF85FA17C9}" srcOrd="0" destOrd="0" parTransId="{C0CFB050-5AE7-43CB-980A-04399524DEEB}" sibTransId="{68622164-0F0D-495A-96A6-5EABA3EC71C7}"/>
    <dgm:cxn modelId="{4B6317F8-DC0B-4756-9E3D-4E04850C7544}" srcId="{F52C4039-C48D-4BC1-A1DE-0DB6AD326EA6}" destId="{378AAA74-EBB6-492F-9409-275DF8D92F59}" srcOrd="6" destOrd="0" parTransId="{91E05781-F7CB-4BC6-8AB3-18B650713ED3}" sibTransId="{FEBC5B01-97BB-42AD-9B9D-A0D3BB8652EF}"/>
    <dgm:cxn modelId="{D6E970FC-7736-4871-A70F-143BC3BC521A}" srcId="{F5843D5A-C4E2-473A-A167-13E49250A315}" destId="{963186A7-B3D6-43A1-B106-F4C471A529C9}" srcOrd="3" destOrd="0" parTransId="{2B119B80-FB67-4A9E-88A8-116709609131}" sibTransId="{FA109750-8FC2-4E34-A855-CE2E26191246}"/>
    <dgm:cxn modelId="{6C0F61EA-46C2-4D53-A466-720E03C576A8}" type="presParOf" srcId="{6E453C46-B874-4F4F-BC0E-ED2982B5FD85}" destId="{FBBDAD79-FDAD-46F1-9933-D446D0BB72BD}" srcOrd="0" destOrd="0" presId="urn:microsoft.com/office/officeart/2005/8/layout/lProcess3"/>
    <dgm:cxn modelId="{C189FC08-B827-4E2D-86B1-055326519317}" type="presParOf" srcId="{FBBDAD79-FDAD-46F1-9933-D446D0BB72BD}" destId="{33A481E4-15C1-4F28-A561-813868B18519}" srcOrd="0" destOrd="0" presId="urn:microsoft.com/office/officeart/2005/8/layout/lProcess3"/>
    <dgm:cxn modelId="{5F1052D8-0C78-4D52-B9EB-7F6A5EFE06D8}" type="presParOf" srcId="{FBBDAD79-FDAD-46F1-9933-D446D0BB72BD}" destId="{D33AF6D0-ED65-40D6-B39E-509CB9588587}" srcOrd="1" destOrd="0" presId="urn:microsoft.com/office/officeart/2005/8/layout/lProcess3"/>
    <dgm:cxn modelId="{AD46A131-15F2-436F-9C53-1315FF7BC77D}" type="presParOf" srcId="{FBBDAD79-FDAD-46F1-9933-D446D0BB72BD}" destId="{6D2BC101-2416-4B52-ACBB-E8661DE7E285}" srcOrd="2" destOrd="0" presId="urn:microsoft.com/office/officeart/2005/8/layout/lProcess3"/>
    <dgm:cxn modelId="{3CDF6750-233E-4855-B062-A0DC6040FDEF}" type="presParOf" srcId="{FBBDAD79-FDAD-46F1-9933-D446D0BB72BD}" destId="{D10AE3A1-475D-4304-BD61-6FB4627DB180}" srcOrd="3" destOrd="0" presId="urn:microsoft.com/office/officeart/2005/8/layout/lProcess3"/>
    <dgm:cxn modelId="{EF1CBF98-36EE-48FC-9ADD-3E7B14BD6052}" type="presParOf" srcId="{FBBDAD79-FDAD-46F1-9933-D446D0BB72BD}" destId="{4DFA2B09-EF5A-4472-A291-7A0359193308}" srcOrd="4" destOrd="0" presId="urn:microsoft.com/office/officeart/2005/8/layout/lProcess3"/>
    <dgm:cxn modelId="{BF6A3172-9438-40F9-A69C-BFA8FEB20F9D}" type="presParOf" srcId="{FBBDAD79-FDAD-46F1-9933-D446D0BB72BD}" destId="{68762F96-D5CF-4BE9-9C6A-3ECA2BA15038}" srcOrd="5" destOrd="0" presId="urn:microsoft.com/office/officeart/2005/8/layout/lProcess3"/>
    <dgm:cxn modelId="{78197D04-C640-46C0-92A9-61E6D4BEFC07}" type="presParOf" srcId="{FBBDAD79-FDAD-46F1-9933-D446D0BB72BD}" destId="{F6AF7719-5A9C-466B-9F46-140C05E0B816}" srcOrd="6" destOrd="0" presId="urn:microsoft.com/office/officeart/2005/8/layout/lProcess3"/>
    <dgm:cxn modelId="{CD0DAB4B-CFC5-47F3-8A18-1CD44F3668D1}" type="presParOf" srcId="{FBBDAD79-FDAD-46F1-9933-D446D0BB72BD}" destId="{C4EBAF9B-C003-47F2-B184-CA7EE650F96E}" srcOrd="7" destOrd="0" presId="urn:microsoft.com/office/officeart/2005/8/layout/lProcess3"/>
    <dgm:cxn modelId="{3191DB4D-39AF-4677-A2C0-F1E61E8794C3}" type="presParOf" srcId="{FBBDAD79-FDAD-46F1-9933-D446D0BB72BD}" destId="{E248E14A-B209-4144-B889-0371A662B479}" srcOrd="8" destOrd="0" presId="urn:microsoft.com/office/officeart/2005/8/layout/lProcess3"/>
    <dgm:cxn modelId="{A4EDA517-34B1-4B7E-8CD8-990100B11FE6}" type="presParOf" srcId="{FBBDAD79-FDAD-46F1-9933-D446D0BB72BD}" destId="{75EE892C-872B-4983-A573-86EECE7575F9}" srcOrd="9" destOrd="0" presId="urn:microsoft.com/office/officeart/2005/8/layout/lProcess3"/>
    <dgm:cxn modelId="{7D6E9D85-CD72-4221-8626-CFD90C1079D0}" type="presParOf" srcId="{FBBDAD79-FDAD-46F1-9933-D446D0BB72BD}" destId="{7E88AAF1-06F7-4F95-B66F-F5FDB4EB352E}" srcOrd="10" destOrd="0" presId="urn:microsoft.com/office/officeart/2005/8/layout/lProcess3"/>
    <dgm:cxn modelId="{67914BB2-4818-41E1-8EB2-E858D2EB9D8C}" type="presParOf" srcId="{6E453C46-B874-4F4F-BC0E-ED2982B5FD85}" destId="{A3AC67DB-D8FA-40B8-AFA2-76C1962B355B}" srcOrd="1" destOrd="0" presId="urn:microsoft.com/office/officeart/2005/8/layout/lProcess3"/>
    <dgm:cxn modelId="{38941932-10C5-4AC0-805A-8A672CFE7428}" type="presParOf" srcId="{6E453C46-B874-4F4F-BC0E-ED2982B5FD85}" destId="{5A1B4FF5-329E-412F-8C02-E19ED6F107A5}" srcOrd="2" destOrd="0" presId="urn:microsoft.com/office/officeart/2005/8/layout/lProcess3"/>
    <dgm:cxn modelId="{143BF3FC-83AE-4C69-9492-55E68C3165D1}" type="presParOf" srcId="{5A1B4FF5-329E-412F-8C02-E19ED6F107A5}" destId="{D3E033ED-358D-4ED9-AD2A-6300E3316884}" srcOrd="0" destOrd="0" presId="urn:microsoft.com/office/officeart/2005/8/layout/lProcess3"/>
    <dgm:cxn modelId="{772F704F-9420-415D-B687-B7625354EAC5}" type="presParOf" srcId="{5A1B4FF5-329E-412F-8C02-E19ED6F107A5}" destId="{EF545E4D-E3A7-4F09-89B6-B93ACE716503}" srcOrd="1" destOrd="0" presId="urn:microsoft.com/office/officeart/2005/8/layout/lProcess3"/>
    <dgm:cxn modelId="{43B31CAA-5A20-4E31-B8C8-D6AC11D5791B}" type="presParOf" srcId="{5A1B4FF5-329E-412F-8C02-E19ED6F107A5}" destId="{18B8E479-2ECD-484C-B333-5E21DE94FF82}" srcOrd="2" destOrd="0" presId="urn:microsoft.com/office/officeart/2005/8/layout/lProcess3"/>
    <dgm:cxn modelId="{73C16626-C46F-4AC0-97E0-27AAF1FEC53D}" type="presParOf" srcId="{5A1B4FF5-329E-412F-8C02-E19ED6F107A5}" destId="{7B52143D-DFC9-42EE-9A85-081DDC033081}" srcOrd="3" destOrd="0" presId="urn:microsoft.com/office/officeart/2005/8/layout/lProcess3"/>
    <dgm:cxn modelId="{2326567E-DCCC-4007-9408-AC807213B827}" type="presParOf" srcId="{5A1B4FF5-329E-412F-8C02-E19ED6F107A5}" destId="{22CB04D5-CCF2-4232-8850-06414BD4E99F}" srcOrd="4" destOrd="0" presId="urn:microsoft.com/office/officeart/2005/8/layout/lProcess3"/>
    <dgm:cxn modelId="{63DF7AB0-EE24-4A99-B8DD-B2CBACE70103}" type="presParOf" srcId="{5A1B4FF5-329E-412F-8C02-E19ED6F107A5}" destId="{06FEF563-9AFB-42E6-8251-A64A6F2AA34C}" srcOrd="5" destOrd="0" presId="urn:microsoft.com/office/officeart/2005/8/layout/lProcess3"/>
    <dgm:cxn modelId="{12D6F3D6-544C-4A99-8541-AE832665F862}" type="presParOf" srcId="{5A1B4FF5-329E-412F-8C02-E19ED6F107A5}" destId="{26D3B25B-7EF2-4DEF-AAAE-07772306E07A}" srcOrd="6" destOrd="0" presId="urn:microsoft.com/office/officeart/2005/8/layout/lProcess3"/>
    <dgm:cxn modelId="{56220575-E54A-4DA1-8CDC-090884816028}" type="presParOf" srcId="{5A1B4FF5-329E-412F-8C02-E19ED6F107A5}" destId="{CAFF87B0-73B2-429A-A684-812EEF338046}" srcOrd="7" destOrd="0" presId="urn:microsoft.com/office/officeart/2005/8/layout/lProcess3"/>
    <dgm:cxn modelId="{CB6EDCB8-E792-4948-9E08-EE7A15BDC880}" type="presParOf" srcId="{5A1B4FF5-329E-412F-8C02-E19ED6F107A5}" destId="{DDE5EF76-781C-4CBC-BA67-BDF3A3E8237F}" srcOrd="8" destOrd="0" presId="urn:microsoft.com/office/officeart/2005/8/layout/lProcess3"/>
    <dgm:cxn modelId="{304509F5-BCA0-445D-AC06-5A6BB2AF59AE}" type="presParOf" srcId="{6E453C46-B874-4F4F-BC0E-ED2982B5FD85}" destId="{070A1531-05CC-4910-BC04-1EDBA026F1CD}" srcOrd="3" destOrd="0" presId="urn:microsoft.com/office/officeart/2005/8/layout/lProcess3"/>
    <dgm:cxn modelId="{679DC03D-1880-44E9-9CE8-B1E108401F1F}" type="presParOf" srcId="{6E453C46-B874-4F4F-BC0E-ED2982B5FD85}" destId="{110283BA-2927-4262-B927-1780DAB2A922}" srcOrd="4" destOrd="0" presId="urn:microsoft.com/office/officeart/2005/8/layout/lProcess3"/>
    <dgm:cxn modelId="{ADEC42CE-E4BD-4E4F-B6CD-19A6E85366AB}" type="presParOf" srcId="{110283BA-2927-4262-B927-1780DAB2A922}" destId="{6CBC8931-C74A-4B3A-B981-D0CFF4674B60}" srcOrd="0" destOrd="0" presId="urn:microsoft.com/office/officeart/2005/8/layout/lProcess3"/>
    <dgm:cxn modelId="{9222672A-5717-4DD3-A4A1-CF8D6C4710B9}" type="presParOf" srcId="{110283BA-2927-4262-B927-1780DAB2A922}" destId="{D2CF16BB-C400-4B8E-95FE-59149E6ABE44}" srcOrd="1" destOrd="0" presId="urn:microsoft.com/office/officeart/2005/8/layout/lProcess3"/>
    <dgm:cxn modelId="{554E3681-2CD2-42C3-8DF2-A8E1FA4D853D}" type="presParOf" srcId="{110283BA-2927-4262-B927-1780DAB2A922}" destId="{6C47CBE2-0B49-4301-B9C2-EDE681AA203E}" srcOrd="2" destOrd="0" presId="urn:microsoft.com/office/officeart/2005/8/layout/lProcess3"/>
    <dgm:cxn modelId="{D27FC1FF-47EC-46F8-8CE9-01A1A070A3BD}" type="presParOf" srcId="{110283BA-2927-4262-B927-1780DAB2A922}" destId="{26CC7A52-8545-4846-9990-7FD5BA2D3D6E}" srcOrd="3" destOrd="0" presId="urn:microsoft.com/office/officeart/2005/8/layout/lProcess3"/>
    <dgm:cxn modelId="{308C9840-6CE5-4BCB-8330-FC485A94CEE5}" type="presParOf" srcId="{110283BA-2927-4262-B927-1780DAB2A922}" destId="{248392E5-3697-49C0-9670-1545622681DA}" srcOrd="4" destOrd="0" presId="urn:microsoft.com/office/officeart/2005/8/layout/lProcess3"/>
    <dgm:cxn modelId="{449B4EE0-BB86-4732-9C3D-892577C6AEA1}" type="presParOf" srcId="{110283BA-2927-4262-B927-1780DAB2A922}" destId="{815727D1-882A-4A05-8CD1-60885BAFF777}" srcOrd="5" destOrd="0" presId="urn:microsoft.com/office/officeart/2005/8/layout/lProcess3"/>
    <dgm:cxn modelId="{DFC4D494-4588-415F-B516-78214BDB8799}" type="presParOf" srcId="{110283BA-2927-4262-B927-1780DAB2A922}" destId="{3B8B2579-AC14-4AE0-B8CC-B2045B99E436}" srcOrd="6" destOrd="0" presId="urn:microsoft.com/office/officeart/2005/8/layout/lProcess3"/>
    <dgm:cxn modelId="{7A46F92B-6E27-4BE6-89A2-52D5BF1CD729}" type="presParOf" srcId="{110283BA-2927-4262-B927-1780DAB2A922}" destId="{BDEDF396-F6C3-45B8-A36E-D16C3226EFBF}" srcOrd="7" destOrd="0" presId="urn:microsoft.com/office/officeart/2005/8/layout/lProcess3"/>
    <dgm:cxn modelId="{54C93561-72AD-4DEF-81EA-54A1482A0E42}" type="presParOf" srcId="{110283BA-2927-4262-B927-1780DAB2A922}" destId="{0574FC9B-1DEA-47E4-9B22-A932C57C4058}" srcOrd="8" destOrd="0" presId="urn:microsoft.com/office/officeart/2005/8/layout/lProcess3"/>
    <dgm:cxn modelId="{F1DCAD68-63B8-4D84-89BC-9A6317CB2FE8}" type="presParOf" srcId="{6E453C46-B874-4F4F-BC0E-ED2982B5FD85}" destId="{03140279-00D7-4403-89CE-2784717EE5F2}" srcOrd="5" destOrd="0" presId="urn:microsoft.com/office/officeart/2005/8/layout/lProcess3"/>
    <dgm:cxn modelId="{776F9519-B6C6-4AA2-A5A4-F7F89CA47924}" type="presParOf" srcId="{6E453C46-B874-4F4F-BC0E-ED2982B5FD85}" destId="{278BAFB6-29E1-4842-AA7D-0127D1D4B30C}" srcOrd="6" destOrd="0" presId="urn:microsoft.com/office/officeart/2005/8/layout/lProcess3"/>
    <dgm:cxn modelId="{DC40EAE4-1CDB-4CE5-8C4A-086AA741D6D6}" type="presParOf" srcId="{278BAFB6-29E1-4842-AA7D-0127D1D4B30C}" destId="{EBA6F718-4C27-472D-9622-8BF3661A0AA7}" srcOrd="0" destOrd="0" presId="urn:microsoft.com/office/officeart/2005/8/layout/lProcess3"/>
    <dgm:cxn modelId="{7D65C8C3-51F2-4323-95D3-2A7623B2B3A5}" type="presParOf" srcId="{278BAFB6-29E1-4842-AA7D-0127D1D4B30C}" destId="{B06A989D-34D0-441A-8FB5-3C5672476E31}" srcOrd="1" destOrd="0" presId="urn:microsoft.com/office/officeart/2005/8/layout/lProcess3"/>
    <dgm:cxn modelId="{28EAE965-6C8E-4B2D-9B59-2400511490F2}" type="presParOf" srcId="{278BAFB6-29E1-4842-AA7D-0127D1D4B30C}" destId="{A0987B6D-8C8C-45D5-85A0-B7B0FC88188E}" srcOrd="2" destOrd="0" presId="urn:microsoft.com/office/officeart/2005/8/layout/lProcess3"/>
    <dgm:cxn modelId="{DCFDD5B0-07F7-4134-AD24-DAA0E6C08092}" type="presParOf" srcId="{278BAFB6-29E1-4842-AA7D-0127D1D4B30C}" destId="{A98AF9E4-14A5-41C5-9F2C-09DD002A3009}" srcOrd="3" destOrd="0" presId="urn:microsoft.com/office/officeart/2005/8/layout/lProcess3"/>
    <dgm:cxn modelId="{431473B8-2601-430B-AB60-7E65C8A00DDD}" type="presParOf" srcId="{278BAFB6-29E1-4842-AA7D-0127D1D4B30C}" destId="{1A0B866D-BCD7-4F8C-8136-3585C8D5697D}" srcOrd="4" destOrd="0" presId="urn:microsoft.com/office/officeart/2005/8/layout/lProcess3"/>
    <dgm:cxn modelId="{3BDFA06B-BDFD-4C1A-B55D-51E8D3A0B294}" type="presParOf" srcId="{6E453C46-B874-4F4F-BC0E-ED2982B5FD85}" destId="{31C36BEB-04E7-42DC-9DFF-F8CC856554E7}" srcOrd="7" destOrd="0" presId="urn:microsoft.com/office/officeart/2005/8/layout/lProcess3"/>
    <dgm:cxn modelId="{AEF2540C-86AE-4BCB-81F4-D3792D158E62}" type="presParOf" srcId="{6E453C46-B874-4F4F-BC0E-ED2982B5FD85}" destId="{26BD0797-DFA2-4822-81C6-FEAF1779DC32}" srcOrd="8" destOrd="0" presId="urn:microsoft.com/office/officeart/2005/8/layout/lProcess3"/>
    <dgm:cxn modelId="{68BD60AA-7357-4F90-B0BD-6927380EC513}" type="presParOf" srcId="{26BD0797-DFA2-4822-81C6-FEAF1779DC32}" destId="{10F5CE01-044C-48A0-8C29-958D787E98E5}" srcOrd="0" destOrd="0" presId="urn:microsoft.com/office/officeart/2005/8/layout/lProcess3"/>
    <dgm:cxn modelId="{DCE9C194-6A92-4F35-A983-06BC367A9608}" type="presParOf" srcId="{26BD0797-DFA2-4822-81C6-FEAF1779DC32}" destId="{C1849039-0553-4B76-9500-18FA14CDF75F}" srcOrd="1" destOrd="0" presId="urn:microsoft.com/office/officeart/2005/8/layout/lProcess3"/>
    <dgm:cxn modelId="{8C0B1918-0A14-4F76-9693-2FF6977EB5DA}" type="presParOf" srcId="{26BD0797-DFA2-4822-81C6-FEAF1779DC32}" destId="{6064C79A-113C-4A98-8D4E-CB9F7DE76ADD}" srcOrd="2" destOrd="0" presId="urn:microsoft.com/office/officeart/2005/8/layout/lProcess3"/>
    <dgm:cxn modelId="{35562DC9-96AB-4A66-82C3-95A0D2025E64}" type="presParOf" srcId="{26BD0797-DFA2-4822-81C6-FEAF1779DC32}" destId="{F8967A74-C603-4E85-B17B-6DBE91FA2E7A}" srcOrd="3" destOrd="0" presId="urn:microsoft.com/office/officeart/2005/8/layout/lProcess3"/>
    <dgm:cxn modelId="{59D05689-3FC9-489B-8A5C-3D0E9D6B2980}" type="presParOf" srcId="{26BD0797-DFA2-4822-81C6-FEAF1779DC32}" destId="{A8C379BF-AF99-4DC5-AC4B-D1D518136B1E}" srcOrd="4" destOrd="0" presId="urn:microsoft.com/office/officeart/2005/8/layout/lProcess3"/>
    <dgm:cxn modelId="{1A00C044-6542-4223-AD23-363F6ED6E22F}" type="presParOf" srcId="{6E453C46-B874-4F4F-BC0E-ED2982B5FD85}" destId="{ADAB6841-813F-4B3F-A94A-99B22AC6E80E}" srcOrd="9" destOrd="0" presId="urn:microsoft.com/office/officeart/2005/8/layout/lProcess3"/>
    <dgm:cxn modelId="{5133CCCA-6C69-46CA-9BB6-FE75C5769F12}" type="presParOf" srcId="{6E453C46-B874-4F4F-BC0E-ED2982B5FD85}" destId="{9B84A581-82AA-4287-88B2-58BBEF7B6F77}" srcOrd="10" destOrd="0" presId="urn:microsoft.com/office/officeart/2005/8/layout/lProcess3"/>
    <dgm:cxn modelId="{80B9F04D-B567-4498-802F-27525EEF77FE}" type="presParOf" srcId="{9B84A581-82AA-4287-88B2-58BBEF7B6F77}" destId="{3CE831BD-1A3D-40BD-AB03-6D3734865645}" srcOrd="0" destOrd="0" presId="urn:microsoft.com/office/officeart/2005/8/layout/lProcess3"/>
    <dgm:cxn modelId="{B77F7A0B-AA91-4DC3-815D-CAF638DDB8B7}" type="presParOf" srcId="{9B84A581-82AA-4287-88B2-58BBEF7B6F77}" destId="{2166A6D6-239B-4D37-A4BD-40F71EFB99DF}" srcOrd="1" destOrd="0" presId="urn:microsoft.com/office/officeart/2005/8/layout/lProcess3"/>
    <dgm:cxn modelId="{14F8336B-C306-47B2-A22E-4BC9269F2CF1}" type="presParOf" srcId="{9B84A581-82AA-4287-88B2-58BBEF7B6F77}" destId="{536CE56D-F9A2-43C1-A618-A2EC07FDB889}" srcOrd="2" destOrd="0" presId="urn:microsoft.com/office/officeart/2005/8/layout/lProcess3"/>
    <dgm:cxn modelId="{4B798634-0EDE-485B-B9E6-6DD27BE68CBE}" type="presParOf" srcId="{9B84A581-82AA-4287-88B2-58BBEF7B6F77}" destId="{C3988FCE-6111-4501-987A-297CEC9F52EC}" srcOrd="3" destOrd="0" presId="urn:microsoft.com/office/officeart/2005/8/layout/lProcess3"/>
    <dgm:cxn modelId="{87EF95B1-D4C5-4665-A9C7-244879ED9EA1}" type="presParOf" srcId="{9B84A581-82AA-4287-88B2-58BBEF7B6F77}" destId="{82EC884E-E8E1-4402-8A8C-1B62F47BEE3C}" srcOrd="4" destOrd="0" presId="urn:microsoft.com/office/officeart/2005/8/layout/lProcess3"/>
    <dgm:cxn modelId="{09C15903-45A3-431F-AB30-5C0BB88E6E75}" type="presParOf" srcId="{9B84A581-82AA-4287-88B2-58BBEF7B6F77}" destId="{E9841F82-69FF-4252-A10E-E398C6044F99}" srcOrd="5" destOrd="0" presId="urn:microsoft.com/office/officeart/2005/8/layout/lProcess3"/>
    <dgm:cxn modelId="{FB745B46-2829-4C58-8A32-D2A31B2794E9}" type="presParOf" srcId="{9B84A581-82AA-4287-88B2-58BBEF7B6F77}" destId="{F162A6A5-FE6D-45B7-95A9-A6DA6718E5DD}" srcOrd="6" destOrd="0" presId="urn:microsoft.com/office/officeart/2005/8/layout/lProcess3"/>
    <dgm:cxn modelId="{153DC0CC-9873-4233-AB03-71D8956F9468}" type="presParOf" srcId="{9B84A581-82AA-4287-88B2-58BBEF7B6F77}" destId="{E3581D61-C1FF-4DF4-A592-98432FC21559}" srcOrd="7" destOrd="0" presId="urn:microsoft.com/office/officeart/2005/8/layout/lProcess3"/>
    <dgm:cxn modelId="{3055866F-A5EA-4AFB-BC86-E89BBF568E90}" type="presParOf" srcId="{9B84A581-82AA-4287-88B2-58BBEF7B6F77}" destId="{CA91CA90-19D8-4921-9EE0-85B2D803B062}" srcOrd="8" destOrd="0" presId="urn:microsoft.com/office/officeart/2005/8/layout/lProcess3"/>
    <dgm:cxn modelId="{C746C348-6538-4A2F-B8C1-DEB01BBD6355}" type="presParOf" srcId="{6E453C46-B874-4F4F-BC0E-ED2982B5FD85}" destId="{8B737CFD-486C-4F6D-9C0F-FD182FDACEA2}" srcOrd="11" destOrd="0" presId="urn:microsoft.com/office/officeart/2005/8/layout/lProcess3"/>
    <dgm:cxn modelId="{FC2E5D84-4D21-401C-86A2-B506FDB1FDF1}" type="presParOf" srcId="{6E453C46-B874-4F4F-BC0E-ED2982B5FD85}" destId="{210C6717-D8C3-4F80-8AE3-48091229E28E}" srcOrd="12" destOrd="0" presId="urn:microsoft.com/office/officeart/2005/8/layout/lProcess3"/>
    <dgm:cxn modelId="{7D05517D-E760-4F1F-A122-CE7AD6A411F1}" type="presParOf" srcId="{210C6717-D8C3-4F80-8AE3-48091229E28E}" destId="{B9CE23C5-A246-44E2-B29A-8D1DF269D6AB}" srcOrd="0" destOrd="0" presId="urn:microsoft.com/office/officeart/2005/8/layout/lProcess3"/>
    <dgm:cxn modelId="{A72400F3-61A6-4516-8B47-7B97EF177102}" type="presParOf" srcId="{210C6717-D8C3-4F80-8AE3-48091229E28E}" destId="{D78D0C7C-BFE4-4ECA-A4BE-924990F54474}" srcOrd="1" destOrd="0" presId="urn:microsoft.com/office/officeart/2005/8/layout/lProcess3"/>
    <dgm:cxn modelId="{FD5F9B43-810C-4855-94FD-B2E5A38A0E41}" type="presParOf" srcId="{210C6717-D8C3-4F80-8AE3-48091229E28E}" destId="{CE541F93-DDE7-4016-B2C8-F29D9571DCE3}" srcOrd="2" destOrd="0" presId="urn:microsoft.com/office/officeart/2005/8/layout/lProcess3"/>
    <dgm:cxn modelId="{754DCDD8-7307-4EBD-A7F4-7C64A1B6A06C}" type="presParOf" srcId="{210C6717-D8C3-4F80-8AE3-48091229E28E}" destId="{2E78FE08-257F-4834-B635-27D153C5E2DA}" srcOrd="3" destOrd="0" presId="urn:microsoft.com/office/officeart/2005/8/layout/lProcess3"/>
    <dgm:cxn modelId="{DA42D36A-848D-420B-8F04-574E5F111A10}" type="presParOf" srcId="{210C6717-D8C3-4F80-8AE3-48091229E28E}" destId="{5C8D6F5A-DD94-46CC-A837-9E2E4B350696}" srcOrd="4" destOrd="0" presId="urn:microsoft.com/office/officeart/2005/8/layout/lProcess3"/>
    <dgm:cxn modelId="{58A7A9BD-3B20-4E3F-87DD-E3C303179E39}" type="presParOf" srcId="{210C6717-D8C3-4F80-8AE3-48091229E28E}" destId="{6B50C2E0-E20D-4D4C-A7AF-83F70BAD5CD3}" srcOrd="5" destOrd="0" presId="urn:microsoft.com/office/officeart/2005/8/layout/lProcess3"/>
    <dgm:cxn modelId="{3EAFBDD7-9417-42D4-B6C1-AFE3D0494BCE}" type="presParOf" srcId="{210C6717-D8C3-4F80-8AE3-48091229E28E}" destId="{7EE40AB7-EDF7-4F5C-8859-65314C73A82F}" srcOrd="6" destOrd="0" presId="urn:microsoft.com/office/officeart/2005/8/layout/lProcess3"/>
    <dgm:cxn modelId="{231D3C77-F80A-40AF-B497-C8B4F46F074C}" type="presParOf" srcId="{6E453C46-B874-4F4F-BC0E-ED2982B5FD85}" destId="{D3757323-C7CC-4AF4-A71C-E96D0511371E}" srcOrd="13" destOrd="0" presId="urn:microsoft.com/office/officeart/2005/8/layout/lProcess3"/>
    <dgm:cxn modelId="{58C3B89D-A344-44B9-808F-E65BF9612EEC}" type="presParOf" srcId="{6E453C46-B874-4F4F-BC0E-ED2982B5FD85}" destId="{6C47A31D-C3D9-4B3D-832D-DE3623992867}" srcOrd="14" destOrd="0" presId="urn:microsoft.com/office/officeart/2005/8/layout/lProcess3"/>
    <dgm:cxn modelId="{B50176FB-B77A-4830-903E-D3968860EC07}" type="presParOf" srcId="{6C47A31D-C3D9-4B3D-832D-DE3623992867}" destId="{BF35237C-7CFF-49AC-9B72-292F9CBBF607}" srcOrd="0" destOrd="0" presId="urn:microsoft.com/office/officeart/2005/8/layout/lProcess3"/>
    <dgm:cxn modelId="{DA1F93D6-9AB0-45AF-B073-106F7428D0C8}" type="presParOf" srcId="{6C47A31D-C3D9-4B3D-832D-DE3623992867}" destId="{D7E924B0-ABD0-4783-ADD2-65974E417D71}" srcOrd="1" destOrd="0" presId="urn:microsoft.com/office/officeart/2005/8/layout/lProcess3"/>
    <dgm:cxn modelId="{5F0CE8E4-18D2-4B7C-84F1-457022F78E19}" type="presParOf" srcId="{6C47A31D-C3D9-4B3D-832D-DE3623992867}" destId="{6D79525C-592F-49AE-81D4-586E5304CEA4}" srcOrd="2" destOrd="0" presId="urn:microsoft.com/office/officeart/2005/8/layout/lProcess3"/>
    <dgm:cxn modelId="{CB904C17-79C4-43EF-88A6-061A3C4BFE36}" type="presParOf" srcId="{6C47A31D-C3D9-4B3D-832D-DE3623992867}" destId="{8218BE4E-FA24-4CBB-8823-9243BCA79200}" srcOrd="3" destOrd="0" presId="urn:microsoft.com/office/officeart/2005/8/layout/lProcess3"/>
    <dgm:cxn modelId="{99987C0C-48B1-45C5-AE13-93E14DCFF34B}" type="presParOf" srcId="{6C47A31D-C3D9-4B3D-832D-DE3623992867}" destId="{AB6E59BE-FCB2-4295-9D34-1161E73C8080}" srcOrd="4" destOrd="0" presId="urn:microsoft.com/office/officeart/2005/8/layout/lProcess3"/>
    <dgm:cxn modelId="{4E964984-918E-467F-B173-1FCB2C6935FD}" type="presParOf" srcId="{6E453C46-B874-4F4F-BC0E-ED2982B5FD85}" destId="{706263A5-7721-4DEB-8C82-8ADEACFE1DA3}" srcOrd="15" destOrd="0" presId="urn:microsoft.com/office/officeart/2005/8/layout/lProcess3"/>
    <dgm:cxn modelId="{16914EB6-1689-4344-9415-FFD5C43A7AB2}" type="presParOf" srcId="{6E453C46-B874-4F4F-BC0E-ED2982B5FD85}" destId="{3788BD73-F7E7-46F3-9F28-058E268A5D9C}" srcOrd="16" destOrd="0" presId="urn:microsoft.com/office/officeart/2005/8/layout/lProcess3"/>
    <dgm:cxn modelId="{BECDF137-F055-4E9C-B7C3-237E8CA604EC}" type="presParOf" srcId="{3788BD73-F7E7-46F3-9F28-058E268A5D9C}" destId="{B62E7441-2FB6-47A7-A81F-90564CD85756}" srcOrd="0" destOrd="0" presId="urn:microsoft.com/office/officeart/2005/8/layout/lProcess3"/>
    <dgm:cxn modelId="{4E0FA651-EF2A-4987-95A7-B6DCCA55959C}" type="presParOf" srcId="{3788BD73-F7E7-46F3-9F28-058E268A5D9C}" destId="{FFB2F1C1-418C-4057-AF0F-C60FD9D0771E}" srcOrd="1" destOrd="0" presId="urn:microsoft.com/office/officeart/2005/8/layout/lProcess3"/>
    <dgm:cxn modelId="{837A920D-66BD-48F8-A392-368EE1117E6C}" type="presParOf" srcId="{3788BD73-F7E7-46F3-9F28-058E268A5D9C}" destId="{69D3A654-C2F0-44CC-92ED-D5990E44E1CE}" srcOrd="2" destOrd="0" presId="urn:microsoft.com/office/officeart/2005/8/layout/lProcess3"/>
    <dgm:cxn modelId="{ED87ACB8-555B-4FE1-A0DC-8ED242BB084C}" type="presParOf" srcId="{3788BD73-F7E7-46F3-9F28-058E268A5D9C}" destId="{5475C99F-6AC9-4E5A-9297-E0C060154D98}" srcOrd="3" destOrd="0" presId="urn:microsoft.com/office/officeart/2005/8/layout/lProcess3"/>
    <dgm:cxn modelId="{3D6543E6-1299-49FA-840E-39B4241968D3}" type="presParOf" srcId="{3788BD73-F7E7-46F3-9F28-058E268A5D9C}" destId="{1778034B-FC78-483B-9843-A343567CC9EC}" srcOrd="4" destOrd="0" presId="urn:microsoft.com/office/officeart/2005/8/layout/lProcess3"/>
    <dgm:cxn modelId="{16FB635D-A2CA-4217-9437-2A424BBB16B0}" type="presParOf" srcId="{6E453C46-B874-4F4F-BC0E-ED2982B5FD85}" destId="{D45FCDD0-0017-4B40-AC8B-4B949094427A}" srcOrd="17" destOrd="0" presId="urn:microsoft.com/office/officeart/2005/8/layout/lProcess3"/>
    <dgm:cxn modelId="{09690E32-C9A0-45FD-A5DA-75680E0335AB}" type="presParOf" srcId="{6E453C46-B874-4F4F-BC0E-ED2982B5FD85}" destId="{97F52443-1474-4AE3-96E9-F0A0BF9B7045}" srcOrd="18" destOrd="0" presId="urn:microsoft.com/office/officeart/2005/8/layout/lProcess3"/>
    <dgm:cxn modelId="{8FC7123B-4BFD-4E70-A0BB-C2C51E7D617C}" type="presParOf" srcId="{97F52443-1474-4AE3-96E9-F0A0BF9B7045}" destId="{5627BBB1-07A8-428A-BF4A-51EE1F3F093A}" srcOrd="0" destOrd="0" presId="urn:microsoft.com/office/officeart/2005/8/layout/lProcess3"/>
    <dgm:cxn modelId="{08F060AC-F9DC-43FC-A490-32C5C4898561}" type="presParOf" srcId="{97F52443-1474-4AE3-96E9-F0A0BF9B7045}" destId="{A286D72B-1816-4D13-8755-284107C19687}" srcOrd="1" destOrd="0" presId="urn:microsoft.com/office/officeart/2005/8/layout/lProcess3"/>
    <dgm:cxn modelId="{3DCDF2AD-278C-44C6-B17F-37EE2B092EF1}" type="presParOf" srcId="{97F52443-1474-4AE3-96E9-F0A0BF9B7045}" destId="{46282838-8CD3-4444-A9D4-3BA1C411D022}" srcOrd="2" destOrd="0" presId="urn:microsoft.com/office/officeart/2005/8/layout/lProcess3"/>
    <dgm:cxn modelId="{F5FDABF6-9388-4E06-9F2E-96E5762CA328}" type="presParOf" srcId="{97F52443-1474-4AE3-96E9-F0A0BF9B7045}" destId="{1710FC26-48EF-4399-9982-816C6796FADA}" srcOrd="3" destOrd="0" presId="urn:microsoft.com/office/officeart/2005/8/layout/lProcess3"/>
    <dgm:cxn modelId="{18365C58-F626-4409-A26B-9FAA6C7891DE}" type="presParOf" srcId="{97F52443-1474-4AE3-96E9-F0A0BF9B7045}" destId="{2DB4C822-1604-4C82-AE00-2BFBDD54752B}" srcOrd="4" destOrd="0" presId="urn:microsoft.com/office/officeart/2005/8/layout/lProcess3"/>
    <dgm:cxn modelId="{52175DE2-41C9-422B-87C5-F8310733ABDA}" type="presParOf" srcId="{97F52443-1474-4AE3-96E9-F0A0BF9B7045}" destId="{EA5B1852-3C02-450D-8F44-32DFDEE51D89}" srcOrd="5" destOrd="0" presId="urn:microsoft.com/office/officeart/2005/8/layout/lProcess3"/>
    <dgm:cxn modelId="{DBEAD689-AE47-4672-9B04-1EACEF1E31E9}" type="presParOf" srcId="{97F52443-1474-4AE3-96E9-F0A0BF9B7045}" destId="{58718458-1132-42CA-BD00-7E52AD08521B}" srcOrd="6" destOrd="0" presId="urn:microsoft.com/office/officeart/2005/8/layout/lProcess3"/>
    <dgm:cxn modelId="{836030B4-564A-4292-B6A0-FB2E86D159CD}" type="presParOf" srcId="{97F52443-1474-4AE3-96E9-F0A0BF9B7045}" destId="{28DB7639-24EB-4803-851E-3C61826EF54B}" srcOrd="7" destOrd="0" presId="urn:microsoft.com/office/officeart/2005/8/layout/lProcess3"/>
    <dgm:cxn modelId="{9EE709CC-9531-41E5-87C9-790C254EBBDD}" type="presParOf" srcId="{97F52443-1474-4AE3-96E9-F0A0BF9B7045}" destId="{A3D52505-6D84-4229-835E-AE7B1906E32C}" srcOrd="8" destOrd="0" presId="urn:microsoft.com/office/officeart/2005/8/layout/lProcess3"/>
    <dgm:cxn modelId="{AE7853D5-C9FF-4281-9F32-2B17B3792DF3}" type="presParOf" srcId="{6E453C46-B874-4F4F-BC0E-ED2982B5FD85}" destId="{9E3363C9-A218-4D17-AF37-95A0E68ABE23}" srcOrd="19" destOrd="0" presId="urn:microsoft.com/office/officeart/2005/8/layout/lProcess3"/>
    <dgm:cxn modelId="{1F9AE22F-3CF8-4674-9F0C-A05357B53C2D}" type="presParOf" srcId="{6E453C46-B874-4F4F-BC0E-ED2982B5FD85}" destId="{9410B971-A7A3-4A11-9CC8-3AD612C5D8AD}" srcOrd="20" destOrd="0" presId="urn:microsoft.com/office/officeart/2005/8/layout/lProcess3"/>
    <dgm:cxn modelId="{8A95CF89-5CB6-4B46-A176-250EDBF9264B}" type="presParOf" srcId="{9410B971-A7A3-4A11-9CC8-3AD612C5D8AD}" destId="{EE966B18-F7FE-448A-8E61-7C74EA911719}" srcOrd="0" destOrd="0" presId="urn:microsoft.com/office/officeart/2005/8/layout/lProcess3"/>
    <dgm:cxn modelId="{3BE12718-9DFE-41CC-B1F9-AAA5D0186AED}" type="presParOf" srcId="{9410B971-A7A3-4A11-9CC8-3AD612C5D8AD}" destId="{70EB54B5-DB9F-4098-B45B-D72FCCA56044}" srcOrd="1" destOrd="0" presId="urn:microsoft.com/office/officeart/2005/8/layout/lProcess3"/>
    <dgm:cxn modelId="{9CFEF564-CE1F-4632-8E7B-7CF089037D99}" type="presParOf" srcId="{9410B971-A7A3-4A11-9CC8-3AD612C5D8AD}" destId="{E7F79BEB-E461-423E-B4AE-9A9E9319B8C0}" srcOrd="2" destOrd="0" presId="urn:microsoft.com/office/officeart/2005/8/layout/lProcess3"/>
    <dgm:cxn modelId="{70E9F05B-1B21-4F37-AD60-30B37BAC9381}" type="presParOf" srcId="{9410B971-A7A3-4A11-9CC8-3AD612C5D8AD}" destId="{940570BD-4632-4F5D-BF28-92187E6A9951}" srcOrd="3" destOrd="0" presId="urn:microsoft.com/office/officeart/2005/8/layout/lProcess3"/>
    <dgm:cxn modelId="{0A880547-DC22-42B6-AA76-D41A0923EB37}" type="presParOf" srcId="{9410B971-A7A3-4A11-9CC8-3AD612C5D8AD}" destId="{DB590D5D-7E91-485E-A158-7F200C046DD6}" srcOrd="4" destOrd="0" presId="urn:microsoft.com/office/officeart/2005/8/layout/lProcess3"/>
    <dgm:cxn modelId="{0AD1B1B4-F169-4C69-A812-19F9D62220AE}" type="presParOf" srcId="{9410B971-A7A3-4A11-9CC8-3AD612C5D8AD}" destId="{95B68F53-9E44-46E7-AA73-7FAC6165D862}" srcOrd="5" destOrd="0" presId="urn:microsoft.com/office/officeart/2005/8/layout/lProcess3"/>
    <dgm:cxn modelId="{984ED084-DF22-41D7-B997-4C438FEFFA33}" type="presParOf" srcId="{9410B971-A7A3-4A11-9CC8-3AD612C5D8AD}" destId="{3C99E5A0-81C9-4E13-AF40-9C0E68265C9E}" srcOrd="6" destOrd="0" presId="urn:microsoft.com/office/officeart/2005/8/layout/lProcess3"/>
    <dgm:cxn modelId="{3179D0AF-751F-40D9-B424-CD3FAEEEA861}" type="presParOf" srcId="{9410B971-A7A3-4A11-9CC8-3AD612C5D8AD}" destId="{1E522E54-7FC4-46CB-A989-91E95E68952F}" srcOrd="7" destOrd="0" presId="urn:microsoft.com/office/officeart/2005/8/layout/lProcess3"/>
    <dgm:cxn modelId="{822A2D56-B6AE-4640-8D91-E08B628B99FE}" type="presParOf" srcId="{9410B971-A7A3-4A11-9CC8-3AD612C5D8AD}" destId="{23566655-679D-4F68-A818-F9B20C311575}" srcOrd="8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97BCBB2-AD2E-43B8-9BC8-A3032D79EF96}" type="doc">
      <dgm:prSet loTypeId="urn:microsoft.com/office/officeart/2005/8/layout/cycle2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fr-FR"/>
        </a:p>
      </dgm:t>
    </dgm:pt>
    <dgm:pt modelId="{54AA3A19-162E-4D61-B67F-808305EACB56}">
      <dgm:prSet phldrT="[Texte]" phldr="1"/>
      <dgm:spPr>
        <a:blipFill rotWithShape="0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  <dgm:t>
        <a:bodyPr/>
        <a:lstStyle/>
        <a:p>
          <a:endParaRPr lang="fr-FR" dirty="0"/>
        </a:p>
      </dgm:t>
    </dgm:pt>
    <dgm:pt modelId="{2794D776-8941-415C-A29B-874BFC128543}" type="parTrans" cxnId="{F3EF3EC7-E5D2-48C3-BCFF-978F4FC19150}">
      <dgm:prSet/>
      <dgm:spPr/>
      <dgm:t>
        <a:bodyPr/>
        <a:lstStyle/>
        <a:p>
          <a:endParaRPr lang="fr-FR"/>
        </a:p>
      </dgm:t>
    </dgm:pt>
    <dgm:pt modelId="{D5D83C0A-8B99-4A07-8A3D-5C697A6F51BA}" type="sibTrans" cxnId="{F3EF3EC7-E5D2-48C3-BCFF-978F4FC19150}">
      <dgm:prSet/>
      <dgm:spPr/>
      <dgm:t>
        <a:bodyPr/>
        <a:lstStyle/>
        <a:p>
          <a:endParaRPr lang="fr-FR"/>
        </a:p>
      </dgm:t>
    </dgm:pt>
    <dgm:pt modelId="{AF1FB71C-4A74-4458-BD04-9F579A986058}">
      <dgm:prSet phldrT="[Texte]" phldr="1"/>
      <dgm:spPr>
        <a:blipFill rotWithShape="0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  <dgm:t>
        <a:bodyPr/>
        <a:lstStyle/>
        <a:p>
          <a:endParaRPr lang="fr-FR" dirty="0"/>
        </a:p>
      </dgm:t>
    </dgm:pt>
    <dgm:pt modelId="{6A36508F-59B2-4596-AE8F-98B53106AE13}" type="parTrans" cxnId="{CB96298C-F9E1-42DD-8187-DF60351FC7BB}">
      <dgm:prSet/>
      <dgm:spPr/>
      <dgm:t>
        <a:bodyPr/>
        <a:lstStyle/>
        <a:p>
          <a:endParaRPr lang="fr-FR"/>
        </a:p>
      </dgm:t>
    </dgm:pt>
    <dgm:pt modelId="{CA1B0489-B18D-4153-ABA6-35520EA45820}" type="sibTrans" cxnId="{CB96298C-F9E1-42DD-8187-DF60351FC7BB}">
      <dgm:prSet/>
      <dgm:spPr/>
      <dgm:t>
        <a:bodyPr/>
        <a:lstStyle/>
        <a:p>
          <a:endParaRPr lang="fr-FR"/>
        </a:p>
      </dgm:t>
    </dgm:pt>
    <dgm:pt modelId="{E9174AFA-3762-47FA-BEFE-22634D89FB98}">
      <dgm:prSet phldrT="[Texte]" phldr="1"/>
      <dgm:spPr>
        <a:blipFill rotWithShape="0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  <dgm:t>
        <a:bodyPr/>
        <a:lstStyle/>
        <a:p>
          <a:endParaRPr lang="fr-FR" dirty="0"/>
        </a:p>
      </dgm:t>
    </dgm:pt>
    <dgm:pt modelId="{310B4210-431B-48A6-B178-BA3404992C74}" type="parTrans" cxnId="{A50366AB-3B4D-4701-9A33-5E5C473C5A59}">
      <dgm:prSet/>
      <dgm:spPr/>
      <dgm:t>
        <a:bodyPr/>
        <a:lstStyle/>
        <a:p>
          <a:endParaRPr lang="fr-FR"/>
        </a:p>
      </dgm:t>
    </dgm:pt>
    <dgm:pt modelId="{46DB00A2-6D1D-43BC-B894-BEB3D5C38BFB}" type="sibTrans" cxnId="{A50366AB-3B4D-4701-9A33-5E5C473C5A59}">
      <dgm:prSet/>
      <dgm:spPr/>
      <dgm:t>
        <a:bodyPr/>
        <a:lstStyle/>
        <a:p>
          <a:endParaRPr lang="fr-FR"/>
        </a:p>
      </dgm:t>
    </dgm:pt>
    <dgm:pt modelId="{C1DF322E-487F-460F-B599-80FCA9B73237}">
      <dgm:prSet phldrT="[Texte]" phldr="1"/>
      <dgm:spPr>
        <a:blipFill rotWithShape="0">
          <a:blip xmlns:r="http://schemas.openxmlformats.org/officeDocument/2006/relationships"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  <dgm:t>
        <a:bodyPr/>
        <a:lstStyle/>
        <a:p>
          <a:endParaRPr lang="fr-FR" dirty="0"/>
        </a:p>
      </dgm:t>
    </dgm:pt>
    <dgm:pt modelId="{F8E6C038-BC6E-4391-9493-CF782B79BAEB}" type="parTrans" cxnId="{C57C4D95-8BF8-45C9-8576-32DEE7A8E05E}">
      <dgm:prSet/>
      <dgm:spPr/>
      <dgm:t>
        <a:bodyPr/>
        <a:lstStyle/>
        <a:p>
          <a:endParaRPr lang="fr-FR"/>
        </a:p>
      </dgm:t>
    </dgm:pt>
    <dgm:pt modelId="{6B69ECA3-0140-4EEC-AB15-995712D0A94B}" type="sibTrans" cxnId="{C57C4D95-8BF8-45C9-8576-32DEE7A8E05E}">
      <dgm:prSet/>
      <dgm:spPr/>
      <dgm:t>
        <a:bodyPr/>
        <a:lstStyle/>
        <a:p>
          <a:endParaRPr lang="fr-FR"/>
        </a:p>
      </dgm:t>
    </dgm:pt>
    <dgm:pt modelId="{74A5E515-5A4D-4326-86CC-83EF5F1B96CD}">
      <dgm:prSet phldrT="[Texte]" phldr="1"/>
      <dgm:spPr>
        <a:blipFill rotWithShape="0">
          <a:blip xmlns:r="http://schemas.openxmlformats.org/officeDocument/2006/relationships"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9000" r="-29000"/>
          </a:stretch>
        </a:blipFill>
      </dgm:spPr>
      <dgm:t>
        <a:bodyPr/>
        <a:lstStyle/>
        <a:p>
          <a:endParaRPr lang="fr-FR" dirty="0"/>
        </a:p>
      </dgm:t>
    </dgm:pt>
    <dgm:pt modelId="{6C0299E4-ECF0-4739-B589-EB23D3CE3CE9}" type="sibTrans" cxnId="{B24A7DFE-6683-4B63-9C1A-6740E64D6316}">
      <dgm:prSet/>
      <dgm:spPr/>
      <dgm:t>
        <a:bodyPr/>
        <a:lstStyle/>
        <a:p>
          <a:endParaRPr lang="fr-FR"/>
        </a:p>
      </dgm:t>
    </dgm:pt>
    <dgm:pt modelId="{3EC86EC6-6882-416A-835D-3B7098E226D0}" type="parTrans" cxnId="{B24A7DFE-6683-4B63-9C1A-6740E64D6316}">
      <dgm:prSet/>
      <dgm:spPr/>
      <dgm:t>
        <a:bodyPr/>
        <a:lstStyle/>
        <a:p>
          <a:endParaRPr lang="fr-FR"/>
        </a:p>
      </dgm:t>
    </dgm:pt>
    <dgm:pt modelId="{C9459A69-6297-4F7F-B356-F3A8136AD26D}" type="pres">
      <dgm:prSet presAssocID="{A97BCBB2-AD2E-43B8-9BC8-A3032D79EF96}" presName="cycle" presStyleCnt="0">
        <dgm:presLayoutVars>
          <dgm:dir/>
          <dgm:resizeHandles val="exact"/>
        </dgm:presLayoutVars>
      </dgm:prSet>
      <dgm:spPr/>
    </dgm:pt>
    <dgm:pt modelId="{DFDE59AE-587A-4E9F-A344-4648E3A45121}" type="pres">
      <dgm:prSet presAssocID="{54AA3A19-162E-4D61-B67F-808305EACB56}" presName="node" presStyleLbl="node1" presStyleIdx="0" presStyleCnt="5">
        <dgm:presLayoutVars>
          <dgm:bulletEnabled val="1"/>
        </dgm:presLayoutVars>
      </dgm:prSet>
      <dgm:spPr/>
    </dgm:pt>
    <dgm:pt modelId="{20E79715-993F-4D96-B4E9-1E8DC41E3256}" type="pres">
      <dgm:prSet presAssocID="{D5D83C0A-8B99-4A07-8A3D-5C697A6F51BA}" presName="sibTrans" presStyleLbl="sibTrans2D1" presStyleIdx="0" presStyleCnt="5"/>
      <dgm:spPr/>
    </dgm:pt>
    <dgm:pt modelId="{D9FBE0AE-729D-4B21-8420-38692659EEFC}" type="pres">
      <dgm:prSet presAssocID="{D5D83C0A-8B99-4A07-8A3D-5C697A6F51BA}" presName="connectorText" presStyleLbl="sibTrans2D1" presStyleIdx="0" presStyleCnt="5"/>
      <dgm:spPr/>
    </dgm:pt>
    <dgm:pt modelId="{62AFE382-7FB9-4C0C-A3DF-B2BC53C41B42}" type="pres">
      <dgm:prSet presAssocID="{74A5E515-5A4D-4326-86CC-83EF5F1B96CD}" presName="node" presStyleLbl="node1" presStyleIdx="1" presStyleCnt="5">
        <dgm:presLayoutVars>
          <dgm:bulletEnabled val="1"/>
        </dgm:presLayoutVars>
      </dgm:prSet>
      <dgm:spPr/>
    </dgm:pt>
    <dgm:pt modelId="{A3DCCF82-35FD-49A6-A995-A889DBDF1D9E}" type="pres">
      <dgm:prSet presAssocID="{6C0299E4-ECF0-4739-B589-EB23D3CE3CE9}" presName="sibTrans" presStyleLbl="sibTrans2D1" presStyleIdx="1" presStyleCnt="5"/>
      <dgm:spPr/>
    </dgm:pt>
    <dgm:pt modelId="{BDDFA135-0C71-4F98-A662-B99F9057E64E}" type="pres">
      <dgm:prSet presAssocID="{6C0299E4-ECF0-4739-B589-EB23D3CE3CE9}" presName="connectorText" presStyleLbl="sibTrans2D1" presStyleIdx="1" presStyleCnt="5"/>
      <dgm:spPr/>
    </dgm:pt>
    <dgm:pt modelId="{0D00EB14-D362-4740-B0AA-796411CC0BB5}" type="pres">
      <dgm:prSet presAssocID="{AF1FB71C-4A74-4458-BD04-9F579A986058}" presName="node" presStyleLbl="node1" presStyleIdx="2" presStyleCnt="5">
        <dgm:presLayoutVars>
          <dgm:bulletEnabled val="1"/>
        </dgm:presLayoutVars>
      </dgm:prSet>
      <dgm:spPr/>
    </dgm:pt>
    <dgm:pt modelId="{DE6112D1-F751-4EE3-8AC8-AA775778092B}" type="pres">
      <dgm:prSet presAssocID="{CA1B0489-B18D-4153-ABA6-35520EA45820}" presName="sibTrans" presStyleLbl="sibTrans2D1" presStyleIdx="2" presStyleCnt="5"/>
      <dgm:spPr/>
    </dgm:pt>
    <dgm:pt modelId="{33C2AD6F-51D1-4B3A-A566-6B184FC8523B}" type="pres">
      <dgm:prSet presAssocID="{CA1B0489-B18D-4153-ABA6-35520EA45820}" presName="connectorText" presStyleLbl="sibTrans2D1" presStyleIdx="2" presStyleCnt="5"/>
      <dgm:spPr/>
    </dgm:pt>
    <dgm:pt modelId="{8934CDB4-5284-446C-9915-9E4BBC9BC431}" type="pres">
      <dgm:prSet presAssocID="{E9174AFA-3762-47FA-BEFE-22634D89FB98}" presName="node" presStyleLbl="node1" presStyleIdx="3" presStyleCnt="5">
        <dgm:presLayoutVars>
          <dgm:bulletEnabled val="1"/>
        </dgm:presLayoutVars>
      </dgm:prSet>
      <dgm:spPr/>
    </dgm:pt>
    <dgm:pt modelId="{F28F71F5-B798-49BE-82CD-3C3CDC43FF7D}" type="pres">
      <dgm:prSet presAssocID="{46DB00A2-6D1D-43BC-B894-BEB3D5C38BFB}" presName="sibTrans" presStyleLbl="sibTrans2D1" presStyleIdx="3" presStyleCnt="5"/>
      <dgm:spPr/>
    </dgm:pt>
    <dgm:pt modelId="{F2299150-79DB-41A9-9143-214FEF1ADB29}" type="pres">
      <dgm:prSet presAssocID="{46DB00A2-6D1D-43BC-B894-BEB3D5C38BFB}" presName="connectorText" presStyleLbl="sibTrans2D1" presStyleIdx="3" presStyleCnt="5"/>
      <dgm:spPr/>
    </dgm:pt>
    <dgm:pt modelId="{891757A4-C7E0-4DE5-B4BF-0447E32D89B4}" type="pres">
      <dgm:prSet presAssocID="{C1DF322E-487F-460F-B599-80FCA9B73237}" presName="node" presStyleLbl="node1" presStyleIdx="4" presStyleCnt="5">
        <dgm:presLayoutVars>
          <dgm:bulletEnabled val="1"/>
        </dgm:presLayoutVars>
      </dgm:prSet>
      <dgm:spPr/>
    </dgm:pt>
    <dgm:pt modelId="{12D696D2-9A84-4511-AE46-4116895E3AAF}" type="pres">
      <dgm:prSet presAssocID="{6B69ECA3-0140-4EEC-AB15-995712D0A94B}" presName="sibTrans" presStyleLbl="sibTrans2D1" presStyleIdx="4" presStyleCnt="5"/>
      <dgm:spPr/>
    </dgm:pt>
    <dgm:pt modelId="{42FB963C-C1AB-4B05-91CE-728DB152A430}" type="pres">
      <dgm:prSet presAssocID="{6B69ECA3-0140-4EEC-AB15-995712D0A94B}" presName="connectorText" presStyleLbl="sibTrans2D1" presStyleIdx="4" presStyleCnt="5"/>
      <dgm:spPr/>
    </dgm:pt>
  </dgm:ptLst>
  <dgm:cxnLst>
    <dgm:cxn modelId="{9F698C00-F49E-41A6-A00C-B6D1F85F057F}" type="presOf" srcId="{D5D83C0A-8B99-4A07-8A3D-5C697A6F51BA}" destId="{D9FBE0AE-729D-4B21-8420-38692659EEFC}" srcOrd="1" destOrd="0" presId="urn:microsoft.com/office/officeart/2005/8/layout/cycle2"/>
    <dgm:cxn modelId="{1208BA16-C62E-4905-91EC-1E8335158C25}" type="presOf" srcId="{AF1FB71C-4A74-4458-BD04-9F579A986058}" destId="{0D00EB14-D362-4740-B0AA-796411CC0BB5}" srcOrd="0" destOrd="0" presId="urn:microsoft.com/office/officeart/2005/8/layout/cycle2"/>
    <dgm:cxn modelId="{06D4AE17-311C-4A97-8444-06E785D80E0F}" type="presOf" srcId="{46DB00A2-6D1D-43BC-B894-BEB3D5C38BFB}" destId="{F28F71F5-B798-49BE-82CD-3C3CDC43FF7D}" srcOrd="0" destOrd="0" presId="urn:microsoft.com/office/officeart/2005/8/layout/cycle2"/>
    <dgm:cxn modelId="{438C4B29-F211-4ABC-9706-F85A2FB0E04A}" type="presOf" srcId="{E9174AFA-3762-47FA-BEFE-22634D89FB98}" destId="{8934CDB4-5284-446C-9915-9E4BBC9BC431}" srcOrd="0" destOrd="0" presId="urn:microsoft.com/office/officeart/2005/8/layout/cycle2"/>
    <dgm:cxn modelId="{545CAC2D-185F-4F02-87CF-E749A253DDF3}" type="presOf" srcId="{6B69ECA3-0140-4EEC-AB15-995712D0A94B}" destId="{42FB963C-C1AB-4B05-91CE-728DB152A430}" srcOrd="1" destOrd="0" presId="urn:microsoft.com/office/officeart/2005/8/layout/cycle2"/>
    <dgm:cxn modelId="{314A9836-416A-4DBE-9A0B-ACA7619FC1FB}" type="presOf" srcId="{74A5E515-5A4D-4326-86CC-83EF5F1B96CD}" destId="{62AFE382-7FB9-4C0C-A3DF-B2BC53C41B42}" srcOrd="0" destOrd="0" presId="urn:microsoft.com/office/officeart/2005/8/layout/cycle2"/>
    <dgm:cxn modelId="{CCDE5B3C-5D5B-4ACE-8EA6-CB2CEBE844D4}" type="presOf" srcId="{54AA3A19-162E-4D61-B67F-808305EACB56}" destId="{DFDE59AE-587A-4E9F-A344-4648E3A45121}" srcOrd="0" destOrd="0" presId="urn:microsoft.com/office/officeart/2005/8/layout/cycle2"/>
    <dgm:cxn modelId="{B0C5E75C-B5C2-4D5F-ADF0-8C8B835C444F}" type="presOf" srcId="{C1DF322E-487F-460F-B599-80FCA9B73237}" destId="{891757A4-C7E0-4DE5-B4BF-0447E32D89B4}" srcOrd="0" destOrd="0" presId="urn:microsoft.com/office/officeart/2005/8/layout/cycle2"/>
    <dgm:cxn modelId="{98B0C242-76BD-4097-BAA4-466E0559D23C}" type="presOf" srcId="{6B69ECA3-0140-4EEC-AB15-995712D0A94B}" destId="{12D696D2-9A84-4511-AE46-4116895E3AAF}" srcOrd="0" destOrd="0" presId="urn:microsoft.com/office/officeart/2005/8/layout/cycle2"/>
    <dgm:cxn modelId="{E155CF49-0715-47E1-822D-E795CA75D348}" type="presOf" srcId="{6C0299E4-ECF0-4739-B589-EB23D3CE3CE9}" destId="{BDDFA135-0C71-4F98-A662-B99F9057E64E}" srcOrd="1" destOrd="0" presId="urn:microsoft.com/office/officeart/2005/8/layout/cycle2"/>
    <dgm:cxn modelId="{BC3B876F-9B24-4A58-A47E-A31B9449AB20}" type="presOf" srcId="{6C0299E4-ECF0-4739-B589-EB23D3CE3CE9}" destId="{A3DCCF82-35FD-49A6-A995-A889DBDF1D9E}" srcOrd="0" destOrd="0" presId="urn:microsoft.com/office/officeart/2005/8/layout/cycle2"/>
    <dgm:cxn modelId="{71774785-F2CD-448E-91F0-010FD16D4B9A}" type="presOf" srcId="{CA1B0489-B18D-4153-ABA6-35520EA45820}" destId="{DE6112D1-F751-4EE3-8AC8-AA775778092B}" srcOrd="0" destOrd="0" presId="urn:microsoft.com/office/officeart/2005/8/layout/cycle2"/>
    <dgm:cxn modelId="{CB96298C-F9E1-42DD-8187-DF60351FC7BB}" srcId="{A97BCBB2-AD2E-43B8-9BC8-A3032D79EF96}" destId="{AF1FB71C-4A74-4458-BD04-9F579A986058}" srcOrd="2" destOrd="0" parTransId="{6A36508F-59B2-4596-AE8F-98B53106AE13}" sibTransId="{CA1B0489-B18D-4153-ABA6-35520EA45820}"/>
    <dgm:cxn modelId="{C57C4D95-8BF8-45C9-8576-32DEE7A8E05E}" srcId="{A97BCBB2-AD2E-43B8-9BC8-A3032D79EF96}" destId="{C1DF322E-487F-460F-B599-80FCA9B73237}" srcOrd="4" destOrd="0" parTransId="{F8E6C038-BC6E-4391-9493-CF782B79BAEB}" sibTransId="{6B69ECA3-0140-4EEC-AB15-995712D0A94B}"/>
    <dgm:cxn modelId="{A50366AB-3B4D-4701-9A33-5E5C473C5A59}" srcId="{A97BCBB2-AD2E-43B8-9BC8-A3032D79EF96}" destId="{E9174AFA-3762-47FA-BEFE-22634D89FB98}" srcOrd="3" destOrd="0" parTransId="{310B4210-431B-48A6-B178-BA3404992C74}" sibTransId="{46DB00A2-6D1D-43BC-B894-BEB3D5C38BFB}"/>
    <dgm:cxn modelId="{3DBAF5B6-106E-4C72-8005-640A04BC97C7}" type="presOf" srcId="{46DB00A2-6D1D-43BC-B894-BEB3D5C38BFB}" destId="{F2299150-79DB-41A9-9143-214FEF1ADB29}" srcOrd="1" destOrd="0" presId="urn:microsoft.com/office/officeart/2005/8/layout/cycle2"/>
    <dgm:cxn modelId="{E7130FC1-79FE-45E6-BAA3-E4A732D1785F}" type="presOf" srcId="{CA1B0489-B18D-4153-ABA6-35520EA45820}" destId="{33C2AD6F-51D1-4B3A-A566-6B184FC8523B}" srcOrd="1" destOrd="0" presId="urn:microsoft.com/office/officeart/2005/8/layout/cycle2"/>
    <dgm:cxn modelId="{F3EF3EC7-E5D2-48C3-BCFF-978F4FC19150}" srcId="{A97BCBB2-AD2E-43B8-9BC8-A3032D79EF96}" destId="{54AA3A19-162E-4D61-B67F-808305EACB56}" srcOrd="0" destOrd="0" parTransId="{2794D776-8941-415C-A29B-874BFC128543}" sibTransId="{D5D83C0A-8B99-4A07-8A3D-5C697A6F51BA}"/>
    <dgm:cxn modelId="{D279BADD-E2DD-4B83-A8BF-092F1BA5AFC7}" type="presOf" srcId="{D5D83C0A-8B99-4A07-8A3D-5C697A6F51BA}" destId="{20E79715-993F-4D96-B4E9-1E8DC41E3256}" srcOrd="0" destOrd="0" presId="urn:microsoft.com/office/officeart/2005/8/layout/cycle2"/>
    <dgm:cxn modelId="{EE4EEDEF-6BF9-4293-BEAA-E4B851F79279}" type="presOf" srcId="{A97BCBB2-AD2E-43B8-9BC8-A3032D79EF96}" destId="{C9459A69-6297-4F7F-B356-F3A8136AD26D}" srcOrd="0" destOrd="0" presId="urn:microsoft.com/office/officeart/2005/8/layout/cycle2"/>
    <dgm:cxn modelId="{B24A7DFE-6683-4B63-9C1A-6740E64D6316}" srcId="{A97BCBB2-AD2E-43B8-9BC8-A3032D79EF96}" destId="{74A5E515-5A4D-4326-86CC-83EF5F1B96CD}" srcOrd="1" destOrd="0" parTransId="{3EC86EC6-6882-416A-835D-3B7098E226D0}" sibTransId="{6C0299E4-ECF0-4739-B589-EB23D3CE3CE9}"/>
    <dgm:cxn modelId="{144EBA79-D360-45B6-8C0A-0F94B167EAAD}" type="presParOf" srcId="{C9459A69-6297-4F7F-B356-F3A8136AD26D}" destId="{DFDE59AE-587A-4E9F-A344-4648E3A45121}" srcOrd="0" destOrd="0" presId="urn:microsoft.com/office/officeart/2005/8/layout/cycle2"/>
    <dgm:cxn modelId="{DEB3FCAE-456A-45A1-A7DA-D5E7486D1425}" type="presParOf" srcId="{C9459A69-6297-4F7F-B356-F3A8136AD26D}" destId="{20E79715-993F-4D96-B4E9-1E8DC41E3256}" srcOrd="1" destOrd="0" presId="urn:microsoft.com/office/officeart/2005/8/layout/cycle2"/>
    <dgm:cxn modelId="{E4DE7D54-FCB7-459F-9E5B-B0CD656A2106}" type="presParOf" srcId="{20E79715-993F-4D96-B4E9-1E8DC41E3256}" destId="{D9FBE0AE-729D-4B21-8420-38692659EEFC}" srcOrd="0" destOrd="0" presId="urn:microsoft.com/office/officeart/2005/8/layout/cycle2"/>
    <dgm:cxn modelId="{02DB0128-4BDB-49F3-B38E-DFFDDBBE7216}" type="presParOf" srcId="{C9459A69-6297-4F7F-B356-F3A8136AD26D}" destId="{62AFE382-7FB9-4C0C-A3DF-B2BC53C41B42}" srcOrd="2" destOrd="0" presId="urn:microsoft.com/office/officeart/2005/8/layout/cycle2"/>
    <dgm:cxn modelId="{8AAECCC6-C1E8-4F83-87C6-B84520ABEAE9}" type="presParOf" srcId="{C9459A69-6297-4F7F-B356-F3A8136AD26D}" destId="{A3DCCF82-35FD-49A6-A995-A889DBDF1D9E}" srcOrd="3" destOrd="0" presId="urn:microsoft.com/office/officeart/2005/8/layout/cycle2"/>
    <dgm:cxn modelId="{8C6EA85C-8A6A-4F34-B196-C2DCCB9A42DD}" type="presParOf" srcId="{A3DCCF82-35FD-49A6-A995-A889DBDF1D9E}" destId="{BDDFA135-0C71-4F98-A662-B99F9057E64E}" srcOrd="0" destOrd="0" presId="urn:microsoft.com/office/officeart/2005/8/layout/cycle2"/>
    <dgm:cxn modelId="{F999214E-5D0B-4D85-B28F-6F94A624E485}" type="presParOf" srcId="{C9459A69-6297-4F7F-B356-F3A8136AD26D}" destId="{0D00EB14-D362-4740-B0AA-796411CC0BB5}" srcOrd="4" destOrd="0" presId="urn:microsoft.com/office/officeart/2005/8/layout/cycle2"/>
    <dgm:cxn modelId="{29806649-AECE-4EBA-A053-828E94099C88}" type="presParOf" srcId="{C9459A69-6297-4F7F-B356-F3A8136AD26D}" destId="{DE6112D1-F751-4EE3-8AC8-AA775778092B}" srcOrd="5" destOrd="0" presId="urn:microsoft.com/office/officeart/2005/8/layout/cycle2"/>
    <dgm:cxn modelId="{5FC1636F-56AF-45F5-B5D1-122DA9D95B82}" type="presParOf" srcId="{DE6112D1-F751-4EE3-8AC8-AA775778092B}" destId="{33C2AD6F-51D1-4B3A-A566-6B184FC8523B}" srcOrd="0" destOrd="0" presId="urn:microsoft.com/office/officeart/2005/8/layout/cycle2"/>
    <dgm:cxn modelId="{2BDCA60E-C333-444A-977D-176D2D15965D}" type="presParOf" srcId="{C9459A69-6297-4F7F-B356-F3A8136AD26D}" destId="{8934CDB4-5284-446C-9915-9E4BBC9BC431}" srcOrd="6" destOrd="0" presId="urn:microsoft.com/office/officeart/2005/8/layout/cycle2"/>
    <dgm:cxn modelId="{F154FF33-F59F-48B4-BB19-663D44CF8E35}" type="presParOf" srcId="{C9459A69-6297-4F7F-B356-F3A8136AD26D}" destId="{F28F71F5-B798-49BE-82CD-3C3CDC43FF7D}" srcOrd="7" destOrd="0" presId="urn:microsoft.com/office/officeart/2005/8/layout/cycle2"/>
    <dgm:cxn modelId="{A6B0FEC9-4F6C-433E-8178-BB4F362D8ECC}" type="presParOf" srcId="{F28F71F5-B798-49BE-82CD-3C3CDC43FF7D}" destId="{F2299150-79DB-41A9-9143-214FEF1ADB29}" srcOrd="0" destOrd="0" presId="urn:microsoft.com/office/officeart/2005/8/layout/cycle2"/>
    <dgm:cxn modelId="{AD1B8A39-E8EA-4B8C-9C6C-C8CE553913FE}" type="presParOf" srcId="{C9459A69-6297-4F7F-B356-F3A8136AD26D}" destId="{891757A4-C7E0-4DE5-B4BF-0447E32D89B4}" srcOrd="8" destOrd="0" presId="urn:microsoft.com/office/officeart/2005/8/layout/cycle2"/>
    <dgm:cxn modelId="{450DE9D2-7DB7-4453-8CB6-3AA084E4E566}" type="presParOf" srcId="{C9459A69-6297-4F7F-B356-F3A8136AD26D}" destId="{12D696D2-9A84-4511-AE46-4116895E3AAF}" srcOrd="9" destOrd="0" presId="urn:microsoft.com/office/officeart/2005/8/layout/cycle2"/>
    <dgm:cxn modelId="{1B988EDA-B10A-45A8-8D28-51547D4B7560}" type="presParOf" srcId="{12D696D2-9A84-4511-AE46-4116895E3AAF}" destId="{42FB963C-C1AB-4B05-91CE-728DB152A430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A481E4-15C1-4F28-A561-813868B18519}">
      <dsp:nvSpPr>
        <dsp:cNvPr id="0" name=""/>
        <dsp:cNvSpPr/>
      </dsp:nvSpPr>
      <dsp:spPr>
        <a:xfrm>
          <a:off x="1526701" y="2118"/>
          <a:ext cx="136082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Sr-82</a:t>
          </a:r>
        </a:p>
      </dsp:txBody>
      <dsp:txXfrm>
        <a:off x="1732025" y="2118"/>
        <a:ext cx="950179" cy="410648"/>
      </dsp:txXfrm>
    </dsp:sp>
    <dsp:sp modelId="{6D2BC101-2416-4B52-ACBB-E8661DE7E285}">
      <dsp:nvSpPr>
        <dsp:cNvPr id="0" name=""/>
        <dsp:cNvSpPr/>
      </dsp:nvSpPr>
      <dsp:spPr>
        <a:xfrm>
          <a:off x="2754068" y="37023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4487" y="37023"/>
        <a:ext cx="872639" cy="340838"/>
      </dsp:txXfrm>
    </dsp:sp>
    <dsp:sp modelId="{4DFA2B09-EF5A-4472-A291-7A0359193308}">
      <dsp:nvSpPr>
        <dsp:cNvPr id="0" name=""/>
        <dsp:cNvSpPr/>
      </dsp:nvSpPr>
      <dsp:spPr>
        <a:xfrm>
          <a:off x="3848252" y="37023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8671" y="37023"/>
        <a:ext cx="872639" cy="340838"/>
      </dsp:txXfrm>
    </dsp:sp>
    <dsp:sp modelId="{F6AF7719-5A9C-466B-9F46-140C05E0B816}">
      <dsp:nvSpPr>
        <dsp:cNvPr id="0" name=""/>
        <dsp:cNvSpPr/>
      </dsp:nvSpPr>
      <dsp:spPr>
        <a:xfrm>
          <a:off x="4942436" y="37023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12855" y="37023"/>
        <a:ext cx="872639" cy="340838"/>
      </dsp:txXfrm>
    </dsp:sp>
    <dsp:sp modelId="{E248E14A-B209-4144-B889-0371A662B479}">
      <dsp:nvSpPr>
        <dsp:cNvPr id="0" name=""/>
        <dsp:cNvSpPr/>
      </dsp:nvSpPr>
      <dsp:spPr>
        <a:xfrm>
          <a:off x="6036620" y="37023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207039" y="37023"/>
        <a:ext cx="872639" cy="340838"/>
      </dsp:txXfrm>
    </dsp:sp>
    <dsp:sp modelId="{7E88AAF1-06F7-4F95-B66F-F5FDB4EB352E}">
      <dsp:nvSpPr>
        <dsp:cNvPr id="0" name=""/>
        <dsp:cNvSpPr/>
      </dsp:nvSpPr>
      <dsp:spPr>
        <a:xfrm>
          <a:off x="7130804" y="37023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7301223" y="37023"/>
        <a:ext cx="872639" cy="340838"/>
      </dsp:txXfrm>
    </dsp:sp>
    <dsp:sp modelId="{D3E033ED-358D-4ED9-AD2A-6300E3316884}">
      <dsp:nvSpPr>
        <dsp:cNvPr id="0" name=""/>
        <dsp:cNvSpPr/>
      </dsp:nvSpPr>
      <dsp:spPr>
        <a:xfrm>
          <a:off x="1526701" y="470257"/>
          <a:ext cx="135967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Cu-64</a:t>
          </a:r>
        </a:p>
      </dsp:txBody>
      <dsp:txXfrm>
        <a:off x="1732025" y="470257"/>
        <a:ext cx="949029" cy="410648"/>
      </dsp:txXfrm>
    </dsp:sp>
    <dsp:sp modelId="{18B8E479-2ECD-484C-B333-5E21DE94FF82}">
      <dsp:nvSpPr>
        <dsp:cNvPr id="0" name=""/>
        <dsp:cNvSpPr/>
      </dsp:nvSpPr>
      <dsp:spPr>
        <a:xfrm>
          <a:off x="2752918" y="505162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3337" y="505162"/>
        <a:ext cx="872639" cy="340838"/>
      </dsp:txXfrm>
    </dsp:sp>
    <dsp:sp modelId="{22CB04D5-CCF2-4232-8850-06414BD4E99F}">
      <dsp:nvSpPr>
        <dsp:cNvPr id="0" name=""/>
        <dsp:cNvSpPr/>
      </dsp:nvSpPr>
      <dsp:spPr>
        <a:xfrm>
          <a:off x="3847102" y="505162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7521" y="505162"/>
        <a:ext cx="872639" cy="340838"/>
      </dsp:txXfrm>
    </dsp:sp>
    <dsp:sp modelId="{26D3B25B-7EF2-4DEF-AAAE-07772306E07A}">
      <dsp:nvSpPr>
        <dsp:cNvPr id="0" name=""/>
        <dsp:cNvSpPr/>
      </dsp:nvSpPr>
      <dsp:spPr>
        <a:xfrm>
          <a:off x="4941286" y="505162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11705" y="505162"/>
        <a:ext cx="872639" cy="340838"/>
      </dsp:txXfrm>
    </dsp:sp>
    <dsp:sp modelId="{DDE5EF76-781C-4CBC-BA67-BDF3A3E8237F}">
      <dsp:nvSpPr>
        <dsp:cNvPr id="0" name=""/>
        <dsp:cNvSpPr/>
      </dsp:nvSpPr>
      <dsp:spPr>
        <a:xfrm>
          <a:off x="6035470" y="505162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205889" y="505162"/>
        <a:ext cx="872639" cy="340838"/>
      </dsp:txXfrm>
    </dsp:sp>
    <dsp:sp modelId="{6CBC8931-C74A-4B3A-B981-D0CFF4674B60}">
      <dsp:nvSpPr>
        <dsp:cNvPr id="0" name=""/>
        <dsp:cNvSpPr/>
      </dsp:nvSpPr>
      <dsp:spPr>
        <a:xfrm>
          <a:off x="1526701" y="938396"/>
          <a:ext cx="1359677" cy="410648"/>
        </a:xfrm>
        <a:prstGeom prst="chevron">
          <a:avLst/>
        </a:prstGeom>
        <a:solidFill>
          <a:schemeClr val="accent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At-211</a:t>
          </a:r>
        </a:p>
      </dsp:txBody>
      <dsp:txXfrm>
        <a:off x="1732025" y="938396"/>
        <a:ext cx="949029" cy="410648"/>
      </dsp:txXfrm>
    </dsp:sp>
    <dsp:sp modelId="{6C47CBE2-0B49-4301-B9C2-EDE681AA203E}">
      <dsp:nvSpPr>
        <dsp:cNvPr id="0" name=""/>
        <dsp:cNvSpPr/>
      </dsp:nvSpPr>
      <dsp:spPr>
        <a:xfrm>
          <a:off x="2752918" y="973301"/>
          <a:ext cx="1213477" cy="340838"/>
        </a:xfrm>
        <a:prstGeom prst="chevron">
          <a:avLst/>
        </a:prstGeom>
        <a:solidFill>
          <a:srgbClr val="002060"/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3337" y="973301"/>
        <a:ext cx="872639" cy="340838"/>
      </dsp:txXfrm>
    </dsp:sp>
    <dsp:sp modelId="{248392E5-3697-49C0-9670-1545622681DA}">
      <dsp:nvSpPr>
        <dsp:cNvPr id="0" name=""/>
        <dsp:cNvSpPr/>
      </dsp:nvSpPr>
      <dsp:spPr>
        <a:xfrm>
          <a:off x="3847102" y="973301"/>
          <a:ext cx="1213477" cy="340838"/>
        </a:xfrm>
        <a:prstGeom prst="chevron">
          <a:avLst/>
        </a:prstGeom>
        <a:solidFill>
          <a:srgbClr val="002060"/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7521" y="973301"/>
        <a:ext cx="872639" cy="340838"/>
      </dsp:txXfrm>
    </dsp:sp>
    <dsp:sp modelId="{3B8B2579-AC14-4AE0-B8CC-B2045B99E436}">
      <dsp:nvSpPr>
        <dsp:cNvPr id="0" name=""/>
        <dsp:cNvSpPr/>
      </dsp:nvSpPr>
      <dsp:spPr>
        <a:xfrm>
          <a:off x="4941286" y="973301"/>
          <a:ext cx="1213477" cy="340838"/>
        </a:xfrm>
        <a:prstGeom prst="chevron">
          <a:avLst/>
        </a:prstGeom>
        <a:solidFill>
          <a:srgbClr val="002060"/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11705" y="973301"/>
        <a:ext cx="872639" cy="340838"/>
      </dsp:txXfrm>
    </dsp:sp>
    <dsp:sp modelId="{0574FC9B-1DEA-47E4-9B22-A932C57C4058}">
      <dsp:nvSpPr>
        <dsp:cNvPr id="0" name=""/>
        <dsp:cNvSpPr/>
      </dsp:nvSpPr>
      <dsp:spPr>
        <a:xfrm>
          <a:off x="6035470" y="973301"/>
          <a:ext cx="1277307" cy="34083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205889" y="973301"/>
        <a:ext cx="936469" cy="340838"/>
      </dsp:txXfrm>
    </dsp:sp>
    <dsp:sp modelId="{EBA6F718-4C27-472D-9622-8BF3661A0AA7}">
      <dsp:nvSpPr>
        <dsp:cNvPr id="0" name=""/>
        <dsp:cNvSpPr/>
      </dsp:nvSpPr>
      <dsp:spPr>
        <a:xfrm>
          <a:off x="1526701" y="1406535"/>
          <a:ext cx="135967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Ti-44/Sc-44</a:t>
          </a:r>
        </a:p>
      </dsp:txBody>
      <dsp:txXfrm>
        <a:off x="1732025" y="1406535"/>
        <a:ext cx="949029" cy="410648"/>
      </dsp:txXfrm>
    </dsp:sp>
    <dsp:sp modelId="{A0987B6D-8C8C-45D5-85A0-B7B0FC88188E}">
      <dsp:nvSpPr>
        <dsp:cNvPr id="0" name=""/>
        <dsp:cNvSpPr/>
      </dsp:nvSpPr>
      <dsp:spPr>
        <a:xfrm>
          <a:off x="2752918" y="1441440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3337" y="1441440"/>
        <a:ext cx="872639" cy="340838"/>
      </dsp:txXfrm>
    </dsp:sp>
    <dsp:sp modelId="{1A0B866D-BCD7-4F8C-8136-3585C8D5697D}">
      <dsp:nvSpPr>
        <dsp:cNvPr id="0" name=""/>
        <dsp:cNvSpPr/>
      </dsp:nvSpPr>
      <dsp:spPr>
        <a:xfrm>
          <a:off x="3847102" y="1441440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7521" y="1441440"/>
        <a:ext cx="872639" cy="340838"/>
      </dsp:txXfrm>
    </dsp:sp>
    <dsp:sp modelId="{10F5CE01-044C-48A0-8C29-958D787E98E5}">
      <dsp:nvSpPr>
        <dsp:cNvPr id="0" name=""/>
        <dsp:cNvSpPr/>
      </dsp:nvSpPr>
      <dsp:spPr>
        <a:xfrm>
          <a:off x="1526701" y="1874674"/>
          <a:ext cx="135967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Cu-67</a:t>
          </a:r>
        </a:p>
      </dsp:txBody>
      <dsp:txXfrm>
        <a:off x="1732025" y="1874674"/>
        <a:ext cx="949029" cy="410648"/>
      </dsp:txXfrm>
    </dsp:sp>
    <dsp:sp modelId="{6064C79A-113C-4A98-8D4E-CB9F7DE76ADD}">
      <dsp:nvSpPr>
        <dsp:cNvPr id="0" name=""/>
        <dsp:cNvSpPr/>
      </dsp:nvSpPr>
      <dsp:spPr>
        <a:xfrm>
          <a:off x="2752918" y="1909579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3337" y="1909579"/>
        <a:ext cx="872639" cy="340838"/>
      </dsp:txXfrm>
    </dsp:sp>
    <dsp:sp modelId="{A8C379BF-AF99-4DC5-AC4B-D1D518136B1E}">
      <dsp:nvSpPr>
        <dsp:cNvPr id="0" name=""/>
        <dsp:cNvSpPr/>
      </dsp:nvSpPr>
      <dsp:spPr>
        <a:xfrm>
          <a:off x="3847102" y="1909579"/>
          <a:ext cx="1213477" cy="340838"/>
        </a:xfrm>
        <a:prstGeom prst="chevron">
          <a:avLst/>
        </a:prstGeom>
        <a:solidFill>
          <a:schemeClr val="tx2">
            <a:lumMod val="20000"/>
            <a:lumOff val="80000"/>
            <a:alpha val="9000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7521" y="1909579"/>
        <a:ext cx="872639" cy="340838"/>
      </dsp:txXfrm>
    </dsp:sp>
    <dsp:sp modelId="{3CE831BD-1A3D-40BD-AB03-6D3734865645}">
      <dsp:nvSpPr>
        <dsp:cNvPr id="0" name=""/>
        <dsp:cNvSpPr/>
      </dsp:nvSpPr>
      <dsp:spPr>
        <a:xfrm>
          <a:off x="1526701" y="2342813"/>
          <a:ext cx="135967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Pb-203</a:t>
          </a:r>
        </a:p>
      </dsp:txBody>
      <dsp:txXfrm>
        <a:off x="1732025" y="2342813"/>
        <a:ext cx="949029" cy="410648"/>
      </dsp:txXfrm>
    </dsp:sp>
    <dsp:sp modelId="{536CE56D-F9A2-43C1-A618-A2EC07FDB889}">
      <dsp:nvSpPr>
        <dsp:cNvPr id="0" name=""/>
        <dsp:cNvSpPr/>
      </dsp:nvSpPr>
      <dsp:spPr>
        <a:xfrm>
          <a:off x="2752918" y="2377718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3337" y="2377718"/>
        <a:ext cx="872639" cy="340838"/>
      </dsp:txXfrm>
    </dsp:sp>
    <dsp:sp modelId="{82EC884E-E8E1-4402-8A8C-1B62F47BEE3C}">
      <dsp:nvSpPr>
        <dsp:cNvPr id="0" name=""/>
        <dsp:cNvSpPr/>
      </dsp:nvSpPr>
      <dsp:spPr>
        <a:xfrm>
          <a:off x="3847102" y="2377718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7521" y="2377718"/>
        <a:ext cx="872639" cy="340838"/>
      </dsp:txXfrm>
    </dsp:sp>
    <dsp:sp modelId="{F162A6A5-FE6D-45B7-95A9-A6DA6718E5DD}">
      <dsp:nvSpPr>
        <dsp:cNvPr id="0" name=""/>
        <dsp:cNvSpPr/>
      </dsp:nvSpPr>
      <dsp:spPr>
        <a:xfrm>
          <a:off x="4941286" y="2377718"/>
          <a:ext cx="127730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11705" y="2377718"/>
        <a:ext cx="936469" cy="340838"/>
      </dsp:txXfrm>
    </dsp:sp>
    <dsp:sp modelId="{CA91CA90-19D8-4921-9EE0-85B2D803B062}">
      <dsp:nvSpPr>
        <dsp:cNvPr id="0" name=""/>
        <dsp:cNvSpPr/>
      </dsp:nvSpPr>
      <dsp:spPr>
        <a:xfrm>
          <a:off x="6099301" y="2377718"/>
          <a:ext cx="1277307" cy="34083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269720" y="2377718"/>
        <a:ext cx="936469" cy="340838"/>
      </dsp:txXfrm>
    </dsp:sp>
    <dsp:sp modelId="{B9CE23C5-A246-44E2-B29A-8D1DF269D6AB}">
      <dsp:nvSpPr>
        <dsp:cNvPr id="0" name=""/>
        <dsp:cNvSpPr/>
      </dsp:nvSpPr>
      <dsp:spPr>
        <a:xfrm>
          <a:off x="1526701" y="2810952"/>
          <a:ext cx="1362685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Ru-97</a:t>
          </a:r>
        </a:p>
      </dsp:txBody>
      <dsp:txXfrm>
        <a:off x="1732025" y="2810952"/>
        <a:ext cx="952037" cy="410648"/>
      </dsp:txXfrm>
    </dsp:sp>
    <dsp:sp modelId="{CE541F93-DDE7-4016-B2C8-F29D9571DCE3}">
      <dsp:nvSpPr>
        <dsp:cNvPr id="0" name=""/>
        <dsp:cNvSpPr/>
      </dsp:nvSpPr>
      <dsp:spPr>
        <a:xfrm>
          <a:off x="2755926" y="2845858"/>
          <a:ext cx="1193359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6345" y="2845858"/>
        <a:ext cx="852521" cy="340838"/>
      </dsp:txXfrm>
    </dsp:sp>
    <dsp:sp modelId="{5C8D6F5A-DD94-46CC-A837-9E2E4B350696}">
      <dsp:nvSpPr>
        <dsp:cNvPr id="0" name=""/>
        <dsp:cNvSpPr/>
      </dsp:nvSpPr>
      <dsp:spPr>
        <a:xfrm>
          <a:off x="3829992" y="2845858"/>
          <a:ext cx="127730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00411" y="2845858"/>
        <a:ext cx="936469" cy="340838"/>
      </dsp:txXfrm>
    </dsp:sp>
    <dsp:sp modelId="{7EE40AB7-EDF7-4F5C-8859-65314C73A82F}">
      <dsp:nvSpPr>
        <dsp:cNvPr id="0" name=""/>
        <dsp:cNvSpPr/>
      </dsp:nvSpPr>
      <dsp:spPr>
        <a:xfrm>
          <a:off x="4988007" y="2845858"/>
          <a:ext cx="1277307" cy="34083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58426" y="2845858"/>
        <a:ext cx="936469" cy="340838"/>
      </dsp:txXfrm>
    </dsp:sp>
    <dsp:sp modelId="{BF35237C-7CFF-49AC-9B72-292F9CBBF607}">
      <dsp:nvSpPr>
        <dsp:cNvPr id="0" name=""/>
        <dsp:cNvSpPr/>
      </dsp:nvSpPr>
      <dsp:spPr>
        <a:xfrm>
          <a:off x="1526701" y="3279092"/>
          <a:ext cx="1359677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Hg-197m</a:t>
          </a:r>
        </a:p>
      </dsp:txBody>
      <dsp:txXfrm>
        <a:off x="1732025" y="3279092"/>
        <a:ext cx="949029" cy="410648"/>
      </dsp:txXfrm>
    </dsp:sp>
    <dsp:sp modelId="{6D79525C-592F-49AE-81D4-586E5304CEA4}">
      <dsp:nvSpPr>
        <dsp:cNvPr id="0" name=""/>
        <dsp:cNvSpPr/>
      </dsp:nvSpPr>
      <dsp:spPr>
        <a:xfrm>
          <a:off x="2752918" y="3301350"/>
          <a:ext cx="1296556" cy="36613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15240" rIns="0" bIns="152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400" b="1" kern="1200" dirty="0">
            <a:solidFill>
              <a:schemeClr val="bg1"/>
            </a:solidFill>
          </a:endParaRPr>
        </a:p>
      </dsp:txBody>
      <dsp:txXfrm>
        <a:off x="2935984" y="3301350"/>
        <a:ext cx="930425" cy="366131"/>
      </dsp:txXfrm>
    </dsp:sp>
    <dsp:sp modelId="{AB6E59BE-FCB2-4295-9D34-1161E73C8080}">
      <dsp:nvSpPr>
        <dsp:cNvPr id="0" name=""/>
        <dsp:cNvSpPr/>
      </dsp:nvSpPr>
      <dsp:spPr>
        <a:xfrm>
          <a:off x="3930181" y="3320600"/>
          <a:ext cx="1193870" cy="32763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3335" rIns="0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100" b="1" kern="1200" dirty="0">
            <a:solidFill>
              <a:schemeClr val="bg1"/>
            </a:solidFill>
          </a:endParaRPr>
        </a:p>
      </dsp:txBody>
      <dsp:txXfrm>
        <a:off x="4093996" y="3320600"/>
        <a:ext cx="866240" cy="327630"/>
      </dsp:txXfrm>
    </dsp:sp>
    <dsp:sp modelId="{B62E7441-2FB6-47A7-A81F-90564CD85756}">
      <dsp:nvSpPr>
        <dsp:cNvPr id="0" name=""/>
        <dsp:cNvSpPr/>
      </dsp:nvSpPr>
      <dsp:spPr>
        <a:xfrm>
          <a:off x="1526701" y="3747231"/>
          <a:ext cx="1313818" cy="41064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Ge-71</a:t>
          </a:r>
        </a:p>
      </dsp:txBody>
      <dsp:txXfrm>
        <a:off x="1732025" y="3747231"/>
        <a:ext cx="903170" cy="410648"/>
      </dsp:txXfrm>
    </dsp:sp>
    <dsp:sp modelId="{69D3A654-C2F0-44CC-92ED-D5990E44E1CE}">
      <dsp:nvSpPr>
        <dsp:cNvPr id="0" name=""/>
        <dsp:cNvSpPr/>
      </dsp:nvSpPr>
      <dsp:spPr>
        <a:xfrm>
          <a:off x="2707059" y="3785239"/>
          <a:ext cx="1271326" cy="33463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670" tIns="13335" rIns="0" bIns="1333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100" b="1" kern="1200" dirty="0">
            <a:solidFill>
              <a:schemeClr val="bg1"/>
            </a:solidFill>
          </a:endParaRPr>
        </a:p>
      </dsp:txBody>
      <dsp:txXfrm>
        <a:off x="2874375" y="3785239"/>
        <a:ext cx="936695" cy="334631"/>
      </dsp:txXfrm>
    </dsp:sp>
    <dsp:sp modelId="{1778034B-FC78-483B-9843-A343567CC9EC}">
      <dsp:nvSpPr>
        <dsp:cNvPr id="0" name=""/>
        <dsp:cNvSpPr/>
      </dsp:nvSpPr>
      <dsp:spPr>
        <a:xfrm>
          <a:off x="3859092" y="3782136"/>
          <a:ext cx="1213477" cy="34083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29511" y="3782136"/>
        <a:ext cx="872639" cy="340838"/>
      </dsp:txXfrm>
    </dsp:sp>
    <dsp:sp modelId="{5627BBB1-07A8-428A-BF4A-51EE1F3F093A}">
      <dsp:nvSpPr>
        <dsp:cNvPr id="0" name=""/>
        <dsp:cNvSpPr/>
      </dsp:nvSpPr>
      <dsp:spPr>
        <a:xfrm>
          <a:off x="1526701" y="4215370"/>
          <a:ext cx="1243699" cy="410648"/>
        </a:xfrm>
        <a:prstGeom prst="chevron">
          <a:avLst/>
        </a:prstGeom>
        <a:solidFill>
          <a:schemeClr val="accent2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>
              <a:solidFill>
                <a:schemeClr val="bg1"/>
              </a:solidFill>
            </a:rPr>
            <a:t>Ac-225</a:t>
          </a:r>
          <a:endParaRPr lang="fr-FR" sz="1500" b="1" kern="1200" dirty="0">
            <a:solidFill>
              <a:schemeClr val="bg1"/>
            </a:solidFill>
          </a:endParaRPr>
        </a:p>
      </dsp:txBody>
      <dsp:txXfrm>
        <a:off x="1732025" y="4215370"/>
        <a:ext cx="833051" cy="410648"/>
      </dsp:txXfrm>
    </dsp:sp>
    <dsp:sp modelId="{46282838-8CD3-4444-A9D4-3BA1C411D022}">
      <dsp:nvSpPr>
        <dsp:cNvPr id="0" name=""/>
        <dsp:cNvSpPr/>
      </dsp:nvSpPr>
      <dsp:spPr>
        <a:xfrm>
          <a:off x="2636940" y="4250275"/>
          <a:ext cx="1213477" cy="340838"/>
        </a:xfrm>
        <a:prstGeom prst="chevron">
          <a:avLst/>
        </a:prstGeom>
        <a:solidFill>
          <a:schemeClr val="bg1">
            <a:alpha val="90000"/>
          </a:schemeClr>
        </a:solidFill>
        <a:ln w="12700" cap="flat" cmpd="sng" algn="ctr">
          <a:solidFill>
            <a:schemeClr val="bg1">
              <a:alpha val="9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807359" y="4250275"/>
        <a:ext cx="872639" cy="340838"/>
      </dsp:txXfrm>
    </dsp:sp>
    <dsp:sp modelId="{2DB4C822-1604-4C82-AE00-2BFBDD54752B}">
      <dsp:nvSpPr>
        <dsp:cNvPr id="0" name=""/>
        <dsp:cNvSpPr/>
      </dsp:nvSpPr>
      <dsp:spPr>
        <a:xfrm>
          <a:off x="3731125" y="4250275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3901544" y="4250275"/>
        <a:ext cx="872639" cy="340838"/>
      </dsp:txXfrm>
    </dsp:sp>
    <dsp:sp modelId="{58718458-1132-42CA-BD00-7E52AD08521B}">
      <dsp:nvSpPr>
        <dsp:cNvPr id="0" name=""/>
        <dsp:cNvSpPr/>
      </dsp:nvSpPr>
      <dsp:spPr>
        <a:xfrm>
          <a:off x="4825309" y="4250275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995728" y="4250275"/>
        <a:ext cx="872639" cy="340838"/>
      </dsp:txXfrm>
    </dsp:sp>
    <dsp:sp modelId="{A3D52505-6D84-4229-835E-AE7B1906E32C}">
      <dsp:nvSpPr>
        <dsp:cNvPr id="0" name=""/>
        <dsp:cNvSpPr/>
      </dsp:nvSpPr>
      <dsp:spPr>
        <a:xfrm>
          <a:off x="5919493" y="4250275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089912" y="4250275"/>
        <a:ext cx="872639" cy="340838"/>
      </dsp:txXfrm>
    </dsp:sp>
    <dsp:sp modelId="{EE966B18-F7FE-448A-8E61-7C74EA911719}">
      <dsp:nvSpPr>
        <dsp:cNvPr id="0" name=""/>
        <dsp:cNvSpPr/>
      </dsp:nvSpPr>
      <dsp:spPr>
        <a:xfrm>
          <a:off x="1526701" y="4683509"/>
          <a:ext cx="1359092" cy="410648"/>
        </a:xfrm>
        <a:prstGeom prst="chevron">
          <a:avLst/>
        </a:prstGeom>
        <a:solidFill>
          <a:schemeClr val="accent2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9525" rIns="0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b="1" kern="1200" dirty="0">
              <a:solidFill>
                <a:schemeClr val="bg1"/>
              </a:solidFill>
            </a:rPr>
            <a:t>Lu-177</a:t>
          </a:r>
        </a:p>
      </dsp:txBody>
      <dsp:txXfrm>
        <a:off x="1732025" y="4683509"/>
        <a:ext cx="948444" cy="410648"/>
      </dsp:txXfrm>
    </dsp:sp>
    <dsp:sp modelId="{E7F79BEB-E461-423E-B4AE-9A9E9319B8C0}">
      <dsp:nvSpPr>
        <dsp:cNvPr id="0" name=""/>
        <dsp:cNvSpPr/>
      </dsp:nvSpPr>
      <dsp:spPr>
        <a:xfrm>
          <a:off x="2752333" y="4718414"/>
          <a:ext cx="1213477" cy="340838"/>
        </a:xfrm>
        <a:prstGeom prst="chevron">
          <a:avLst/>
        </a:prstGeom>
        <a:solidFill>
          <a:schemeClr val="bg1">
            <a:alpha val="90000"/>
          </a:schemeClr>
        </a:solidFill>
        <a:ln w="12700" cap="flat" cmpd="sng" algn="ctr">
          <a:solidFill>
            <a:schemeClr val="bg1">
              <a:alpha val="9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2922752" y="4718414"/>
        <a:ext cx="872639" cy="340838"/>
      </dsp:txXfrm>
    </dsp:sp>
    <dsp:sp modelId="{DB590D5D-7E91-485E-A158-7F200C046DD6}">
      <dsp:nvSpPr>
        <dsp:cNvPr id="0" name=""/>
        <dsp:cNvSpPr/>
      </dsp:nvSpPr>
      <dsp:spPr>
        <a:xfrm>
          <a:off x="3846517" y="4718414"/>
          <a:ext cx="1213477" cy="340838"/>
        </a:xfrm>
        <a:prstGeom prst="chevron">
          <a:avLst/>
        </a:prstGeom>
        <a:solidFill>
          <a:schemeClr val="bg1">
            <a:alpha val="90000"/>
          </a:schemeClr>
        </a:solidFill>
        <a:ln w="12700" cap="flat" cmpd="sng" algn="ctr">
          <a:solidFill>
            <a:schemeClr val="bg1">
              <a:alpha val="9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4016936" y="4718414"/>
        <a:ext cx="872639" cy="340838"/>
      </dsp:txXfrm>
    </dsp:sp>
    <dsp:sp modelId="{3C99E5A0-81C9-4E13-AF40-9C0E68265C9E}">
      <dsp:nvSpPr>
        <dsp:cNvPr id="0" name=""/>
        <dsp:cNvSpPr/>
      </dsp:nvSpPr>
      <dsp:spPr>
        <a:xfrm>
          <a:off x="4940701" y="4718414"/>
          <a:ext cx="1213477" cy="340838"/>
        </a:xfrm>
        <a:prstGeom prst="chevron">
          <a:avLst/>
        </a:prstGeom>
        <a:solidFill>
          <a:schemeClr val="bg1">
            <a:alpha val="90000"/>
          </a:schemeClr>
        </a:solidFill>
        <a:ln w="12700" cap="flat" cmpd="sng" algn="ctr">
          <a:solidFill>
            <a:schemeClr val="bg1">
              <a:alpha val="9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5111120" y="4718414"/>
        <a:ext cx="872639" cy="340838"/>
      </dsp:txXfrm>
    </dsp:sp>
    <dsp:sp modelId="{23566655-679D-4F68-A818-F9B20C311575}">
      <dsp:nvSpPr>
        <dsp:cNvPr id="0" name=""/>
        <dsp:cNvSpPr/>
      </dsp:nvSpPr>
      <dsp:spPr>
        <a:xfrm>
          <a:off x="6034885" y="4718414"/>
          <a:ext cx="1213477" cy="340838"/>
        </a:xfrm>
        <a:prstGeom prst="chevron">
          <a:avLst/>
        </a:prstGeom>
        <a:solidFill>
          <a:srgbClr val="002060">
            <a:alpha val="90000"/>
          </a:srgb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13970" rIns="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200" b="1" kern="1200" dirty="0">
            <a:solidFill>
              <a:schemeClr val="bg1"/>
            </a:solidFill>
          </a:endParaRPr>
        </a:p>
      </dsp:txBody>
      <dsp:txXfrm>
        <a:off x="6205304" y="4718414"/>
        <a:ext cx="872639" cy="34083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DE59AE-587A-4E9F-A344-4648E3A45121}">
      <dsp:nvSpPr>
        <dsp:cNvPr id="0" name=""/>
        <dsp:cNvSpPr/>
      </dsp:nvSpPr>
      <dsp:spPr>
        <a:xfrm>
          <a:off x="3637485" y="1644"/>
          <a:ext cx="1832083" cy="1832083"/>
        </a:xfrm>
        <a:prstGeom prst="ellipse">
          <a:avLst/>
        </a:prstGeom>
        <a:blipFill rotWithShape="0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400" kern="1200" dirty="0"/>
        </a:p>
      </dsp:txBody>
      <dsp:txXfrm>
        <a:off x="3905787" y="269946"/>
        <a:ext cx="1295479" cy="1295479"/>
      </dsp:txXfrm>
    </dsp:sp>
    <dsp:sp modelId="{20E79715-993F-4D96-B4E9-1E8DC41E3256}">
      <dsp:nvSpPr>
        <dsp:cNvPr id="0" name=""/>
        <dsp:cNvSpPr/>
      </dsp:nvSpPr>
      <dsp:spPr>
        <a:xfrm rot="2160000">
          <a:off x="5411311" y="1408125"/>
          <a:ext cx="485550" cy="618328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/>
        </a:p>
      </dsp:txBody>
      <dsp:txXfrm>
        <a:off x="5425221" y="1488981"/>
        <a:ext cx="339885" cy="370996"/>
      </dsp:txXfrm>
    </dsp:sp>
    <dsp:sp modelId="{62AFE382-7FB9-4C0C-A3DF-B2BC53C41B42}">
      <dsp:nvSpPr>
        <dsp:cNvPr id="0" name=""/>
        <dsp:cNvSpPr/>
      </dsp:nvSpPr>
      <dsp:spPr>
        <a:xfrm>
          <a:off x="5860839" y="1617005"/>
          <a:ext cx="1832083" cy="1832083"/>
        </a:xfrm>
        <a:prstGeom prst="ellipse">
          <a:avLst/>
        </a:prstGeom>
        <a:blipFill rotWithShape="0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29000" r="-29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400" kern="1200" dirty="0"/>
        </a:p>
      </dsp:txBody>
      <dsp:txXfrm>
        <a:off x="6129141" y="1885307"/>
        <a:ext cx="1295479" cy="1295479"/>
      </dsp:txXfrm>
    </dsp:sp>
    <dsp:sp modelId="{A3DCCF82-35FD-49A6-A995-A889DBDF1D9E}">
      <dsp:nvSpPr>
        <dsp:cNvPr id="0" name=""/>
        <dsp:cNvSpPr/>
      </dsp:nvSpPr>
      <dsp:spPr>
        <a:xfrm rot="6480000">
          <a:off x="6113729" y="3517667"/>
          <a:ext cx="485550" cy="618328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/>
        </a:p>
      </dsp:txBody>
      <dsp:txXfrm rot="10800000">
        <a:off x="6209068" y="3572065"/>
        <a:ext cx="339885" cy="370996"/>
      </dsp:txXfrm>
    </dsp:sp>
    <dsp:sp modelId="{0D00EB14-D362-4740-B0AA-796411CC0BB5}">
      <dsp:nvSpPr>
        <dsp:cNvPr id="0" name=""/>
        <dsp:cNvSpPr/>
      </dsp:nvSpPr>
      <dsp:spPr>
        <a:xfrm>
          <a:off x="5011593" y="4230713"/>
          <a:ext cx="1832083" cy="1832083"/>
        </a:xfrm>
        <a:prstGeom prst="ellipse">
          <a:avLst/>
        </a:prstGeom>
        <a:blipFill rotWithShape="0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400" kern="1200" dirty="0"/>
        </a:p>
      </dsp:txBody>
      <dsp:txXfrm>
        <a:off x="5279895" y="4499015"/>
        <a:ext cx="1295479" cy="1295479"/>
      </dsp:txXfrm>
    </dsp:sp>
    <dsp:sp modelId="{DE6112D1-F751-4EE3-8AC8-AA775778092B}">
      <dsp:nvSpPr>
        <dsp:cNvPr id="0" name=""/>
        <dsp:cNvSpPr/>
      </dsp:nvSpPr>
      <dsp:spPr>
        <a:xfrm rot="10800000">
          <a:off x="4324494" y="4837591"/>
          <a:ext cx="485550" cy="618328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/>
        </a:p>
      </dsp:txBody>
      <dsp:txXfrm rot="10800000">
        <a:off x="4470159" y="4961257"/>
        <a:ext cx="339885" cy="370996"/>
      </dsp:txXfrm>
    </dsp:sp>
    <dsp:sp modelId="{8934CDB4-5284-446C-9915-9E4BBC9BC431}">
      <dsp:nvSpPr>
        <dsp:cNvPr id="0" name=""/>
        <dsp:cNvSpPr/>
      </dsp:nvSpPr>
      <dsp:spPr>
        <a:xfrm>
          <a:off x="2263377" y="4230713"/>
          <a:ext cx="1832083" cy="1832083"/>
        </a:xfrm>
        <a:prstGeom prst="ellipse">
          <a:avLst/>
        </a:prstGeom>
        <a:blipFill rotWithShape="0">
          <a:blip xmlns:r="http://schemas.openxmlformats.org/officeDocument/2006/relationships"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400" kern="1200" dirty="0"/>
        </a:p>
      </dsp:txBody>
      <dsp:txXfrm>
        <a:off x="2531679" y="4499015"/>
        <a:ext cx="1295479" cy="1295479"/>
      </dsp:txXfrm>
    </dsp:sp>
    <dsp:sp modelId="{F28F71F5-B798-49BE-82CD-3C3CDC43FF7D}">
      <dsp:nvSpPr>
        <dsp:cNvPr id="0" name=""/>
        <dsp:cNvSpPr/>
      </dsp:nvSpPr>
      <dsp:spPr>
        <a:xfrm rot="15120000">
          <a:off x="2516268" y="3543806"/>
          <a:ext cx="485550" cy="618328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/>
        </a:p>
      </dsp:txBody>
      <dsp:txXfrm rot="10800000">
        <a:off x="2611607" y="3736740"/>
        <a:ext cx="339885" cy="370996"/>
      </dsp:txXfrm>
    </dsp:sp>
    <dsp:sp modelId="{891757A4-C7E0-4DE5-B4BF-0447E32D89B4}">
      <dsp:nvSpPr>
        <dsp:cNvPr id="0" name=""/>
        <dsp:cNvSpPr/>
      </dsp:nvSpPr>
      <dsp:spPr>
        <a:xfrm>
          <a:off x="1414132" y="1617005"/>
          <a:ext cx="1832083" cy="1832083"/>
        </a:xfrm>
        <a:prstGeom prst="ellipse">
          <a:avLst/>
        </a:prstGeom>
        <a:blipFill rotWithShape="0">
          <a:blip xmlns:r="http://schemas.openxmlformats.org/officeDocument/2006/relationships"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400" kern="1200" dirty="0"/>
        </a:p>
      </dsp:txBody>
      <dsp:txXfrm>
        <a:off x="1682434" y="1885307"/>
        <a:ext cx="1295479" cy="1295479"/>
      </dsp:txXfrm>
    </dsp:sp>
    <dsp:sp modelId="{12D696D2-9A84-4511-AE46-4116895E3AAF}">
      <dsp:nvSpPr>
        <dsp:cNvPr id="0" name=""/>
        <dsp:cNvSpPr/>
      </dsp:nvSpPr>
      <dsp:spPr>
        <a:xfrm rot="19440000">
          <a:off x="3187958" y="1424280"/>
          <a:ext cx="485550" cy="618328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/>
        </a:p>
      </dsp:txBody>
      <dsp:txXfrm>
        <a:off x="3201868" y="1590756"/>
        <a:ext cx="339885" cy="37099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H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E45309-17B3-EB42-97E8-A016D2C4BF3D}" type="datetimeFigureOut">
              <a:rPr lang="en-CH" smtClean="0"/>
              <a:t>12/16/2025</a:t>
            </a:fld>
            <a:endParaRPr lang="en-CH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F561B11-573D-A041-85C9-ECD226009DFA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57245213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ln/>
        </p:spPr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 altLang="fr-FR">
              <a:latin typeface="Times"/>
            </a:endParaRPr>
          </a:p>
        </p:txBody>
      </p:sp>
    </p:spTree>
    <p:extLst>
      <p:ext uri="{BB962C8B-B14F-4D97-AF65-F5344CB8AC3E}">
        <p14:creationId xmlns:p14="http://schemas.microsoft.com/office/powerpoint/2010/main" val="4070681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Espace réservé de l'image des diapositives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37891" name="Espace réservé des notes 2"/>
          <p:cNvSpPr>
            <a:spLocks noGrp="1"/>
          </p:cNvSpPr>
          <p:nvPr>
            <p:ph type="body" idx="1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r-FR" altLang="fr-FR"/>
          </a:p>
        </p:txBody>
      </p:sp>
      <p:sp>
        <p:nvSpPr>
          <p:cNvPr id="37892" name="Espace réservé du numéro de diapositive 3"/>
          <p:cNvSpPr>
            <a:spLocks noGrp="1"/>
          </p:cNvSpPr>
          <p:nvPr>
            <p:ph type="sldNum" sz="quarter" idx="5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742950" indent="-285750" defTabSz="4572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1143000" indent="-228600" defTabSz="4572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600200" indent="-228600" defTabSz="4572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2057400" indent="-228600" defTabSz="4572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eaLnBrk="1" hangingPunct="1"/>
            <a:fld id="{2D9ACCBE-7C37-47E7-985A-1C0FB213DD01}" type="slidenum">
              <a:rPr lang="fr-FR" altLang="fr-FR" sz="1200" smtClean="0">
                <a:solidFill>
                  <a:srgbClr val="000000"/>
                </a:solidFill>
                <a:latin typeface="Calibri" panose="020F0502020204030204" pitchFamily="34" charset="0"/>
              </a:rPr>
              <a:pPr eaLnBrk="1" hangingPunct="1"/>
              <a:t>3</a:t>
            </a:fld>
            <a:endParaRPr lang="fr-FR" altLang="fr-FR" sz="120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3142699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18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F541CEF-8442-43B0-8D31-CC0FC929FD40}" type="slidenum">
              <a:rPr kumimoji="0" lang="fr-FR" alt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itchFamily="18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fr-FR" alt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9318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ln/>
        </p:spPr>
      </p:sp>
      <p:sp>
        <p:nvSpPr>
          <p:cNvPr id="93188" name="Rectangle 3"/>
          <p:cNvSpPr>
            <a:spLocks noGrp="1" noChangeArrowheads="1"/>
          </p:cNvSpPr>
          <p:nvPr>
            <p:ph type="body" idx="1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r-FR" altLang="en-US" dirty="0"/>
          </a:p>
        </p:txBody>
      </p:sp>
    </p:spTree>
    <p:extLst>
      <p:ext uri="{BB962C8B-B14F-4D97-AF65-F5344CB8AC3E}">
        <p14:creationId xmlns:p14="http://schemas.microsoft.com/office/powerpoint/2010/main" val="24998675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noProof="0" dirty="0">
              <a:solidFill>
                <a:srgbClr val="FF0000"/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8A5D978-6DD3-45A4-91A4-873620849B1E}" type="slidenum">
              <a:rPr kumimoji="0" lang="fr-FR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fr-FR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7111267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08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fld id="{82C32F5D-402A-4616-98D0-92E8ABC7B283}" type="slidenum">
              <a:rPr lang="en-US" altLang="fr-FR" sz="1200" smtClean="0">
                <a:latin typeface="Times" panose="02020603050405020304" pitchFamily="18" charset="0"/>
                <a:ea typeface="ＭＳ Ｐゴシック" panose="020B0600070205080204" pitchFamily="34" charset="-128"/>
                <a:cs typeface="Arial" panose="020B0604020202020204" pitchFamily="34" charset="0"/>
              </a:rPr>
              <a:pPr/>
              <a:t>10</a:t>
            </a:fld>
            <a:endParaRPr lang="en-US" altLang="fr-FR" sz="1200">
              <a:latin typeface="Times" panose="02020603050405020304" pitchFamily="18" charset="0"/>
              <a:ea typeface="ＭＳ Ｐゴシック" panose="020B0600070205080204" pitchFamily="34" charset="-128"/>
              <a:cs typeface="Arial" panose="020B0604020202020204" pitchFamily="34" charset="0"/>
            </a:endParaRPr>
          </a:p>
        </p:txBody>
      </p:sp>
      <p:sp>
        <p:nvSpPr>
          <p:cNvPr id="4608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ln/>
        </p:spPr>
      </p:sp>
      <p:sp>
        <p:nvSpPr>
          <p:cNvPr id="46084" name="Rectangle 3"/>
          <p:cNvSpPr>
            <a:spLocks noGrp="1" noChangeArrowheads="1"/>
          </p:cNvSpPr>
          <p:nvPr>
            <p:ph type="body" idx="1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 altLang="fr-FR">
              <a:latin typeface="Times" panose="02020603050405020304" pitchFamily="18" charset="0"/>
              <a:ea typeface="ＭＳ Ｐゴシック" panose="020B0600070205080204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30160027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ln/>
        </p:spPr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 altLang="fr-FR">
              <a:latin typeface="Times"/>
            </a:endParaRPr>
          </a:p>
        </p:txBody>
      </p:sp>
    </p:spTree>
    <p:extLst>
      <p:ext uri="{BB962C8B-B14F-4D97-AF65-F5344CB8AC3E}">
        <p14:creationId xmlns:p14="http://schemas.microsoft.com/office/powerpoint/2010/main" val="8196073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0" y="812800"/>
            <a:ext cx="0" cy="0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b="0" i="0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  <a:t>Utilisateurs : les laboratoires de santés (INSERM, CNRS, centre de lutte contre le cancer, CHU), la plupart des laboratoire de l'IN2P3 ont eu une équipe qui a travaillé chez nous (LPSC, LLR, IP2I, IJCLab, Subatech, LPC Caen, GANIL, LPC </a:t>
            </a:r>
            <a:r>
              <a:rPr lang="fr-FR" b="0" i="0" u="none" strike="noStrike" dirty="0" err="1">
                <a:solidFill>
                  <a:srgbClr val="000000"/>
                </a:solidFill>
                <a:effectLst/>
                <a:latin typeface="Helvetica" pitchFamily="2" charset="0"/>
              </a:rPr>
              <a:t>clermont</a:t>
            </a:r>
            <a:r>
              <a:rPr lang="fr-FR" b="0" i="0" u="none" strike="noStrike" dirty="0">
                <a:solidFill>
                  <a:srgbClr val="000000"/>
                </a:solidFill>
                <a:effectLst/>
                <a:latin typeface="Helvetica" pitchFamily="2" charset="0"/>
              </a:rPr>
              <a:t>, IPHC, Omega, CEA ...)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idx="3"/>
          </p:nvPr>
        </p:nvSpPr>
        <p:spPr/>
        <p:txBody>
          <a:bodyPr/>
          <a:lstStyle/>
          <a:p>
            <a:pPr indent="0" algn="r">
              <a:buNone/>
            </a:pPr>
            <a:fld id="{941DF046-B5EC-46C1-9D0E-DD7A5EF23415}" type="slidenum">
              <a:rPr lang="fr-FR" sz="1400" b="0" strike="noStrike" spc="-1" smtClean="0">
                <a:solidFill>
                  <a:srgbClr val="000000"/>
                </a:solidFill>
                <a:latin typeface="Times New Roman"/>
              </a:rPr>
              <a:t>17</a:t>
            </a:fld>
            <a:endParaRPr lang="fr-FR" sz="14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8922300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43506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625396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583326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/>
          <p:cNvPicPr>
            <a:picLocks noChangeAspect="1" noChangeArrowheads="1"/>
          </p:cNvPicPr>
          <p:nvPr userDrawn="1"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1"/>
            <a:ext cx="12192000" cy="6429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Rectangle 9"/>
          <p:cNvSpPr>
            <a:spLocks noChangeArrowheads="1"/>
          </p:cNvSpPr>
          <p:nvPr userDrawn="1"/>
        </p:nvSpPr>
        <p:spPr bwMode="auto">
          <a:xfrm>
            <a:off x="0" y="6453188"/>
            <a:ext cx="12192000" cy="404812"/>
          </a:xfrm>
          <a:prstGeom prst="rect">
            <a:avLst/>
          </a:prstGeom>
          <a:gradFill rotWithShape="0">
            <a:gsLst>
              <a:gs pos="0">
                <a:srgbClr val="009900"/>
              </a:gs>
              <a:gs pos="100000">
                <a:srgbClr val="F8F8F8"/>
              </a:gs>
            </a:gsLst>
            <a:lin ang="0" scaled="1"/>
          </a:gradFill>
          <a:ln w="9525">
            <a:noFill/>
            <a:miter lim="800000"/>
            <a:headEnd/>
            <a:tailEnd/>
          </a:ln>
          <a:effectLst/>
        </p:spPr>
        <p:txBody>
          <a:bodyPr wrap="none" lIns="630000" anchor="ctr"/>
          <a:lstStyle/>
          <a:p>
            <a:pPr>
              <a:defRPr/>
            </a:pPr>
            <a:r>
              <a:rPr lang="fr-FR" sz="1600" b="1" i="1" dirty="0">
                <a:solidFill>
                  <a:schemeClr val="accent2"/>
                </a:solidFill>
                <a:effectLst>
                  <a:outerShdw blurRad="38100" dist="38100" dir="2700000" algn="tl">
                    <a:srgbClr val="000000"/>
                  </a:outerShdw>
                </a:effectLst>
                <a:ea typeface="ＭＳ Ｐゴシック" charset="-128"/>
                <a:cs typeface="Arial" charset="0"/>
              </a:rPr>
              <a:t>							</a:t>
            </a:r>
            <a:endParaRPr lang="fr-FR" sz="1600" b="1" i="1" dirty="0">
              <a:solidFill>
                <a:srgbClr val="0066FF"/>
              </a:solidFill>
              <a:ea typeface="ＭＳ Ｐゴシック" charset="-128"/>
              <a:cs typeface="Arial" charset="0"/>
            </a:endParaRPr>
          </a:p>
        </p:txBody>
      </p:sp>
      <p:pic>
        <p:nvPicPr>
          <p:cNvPr id="6" name="Image 11" descr="arronax_rectangle.png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64652" y="6465888"/>
            <a:ext cx="1974849" cy="381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1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377085" y="6249988"/>
            <a:ext cx="814916" cy="563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4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063553" y="1772816"/>
            <a:ext cx="9313532" cy="747936"/>
          </a:xfrm>
          <a:prstGeom prst="rect">
            <a:avLst/>
          </a:prstGeom>
        </p:spPr>
        <p:txBody>
          <a:bodyPr/>
          <a:lstStyle>
            <a:lvl1pPr>
              <a:defRPr kumimoji="0" sz="2800" b="1">
                <a:solidFill>
                  <a:srgbClr val="0070C0"/>
                </a:solidFill>
              </a:defRPr>
            </a:lvl1pPr>
          </a:lstStyle>
          <a:p>
            <a:pPr lvl="0"/>
            <a:r>
              <a:rPr lang="fr-FR" altLang="en-US" noProof="0" dirty="0"/>
              <a:t>Cliquez pour modifier le style du titre du masque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2844800" y="3886200"/>
            <a:ext cx="8534400" cy="1771650"/>
          </a:xfrm>
          <a:prstGeom prst="rect">
            <a:avLst/>
          </a:prstGeom>
          <a:ln>
            <a:noFill/>
          </a:ln>
        </p:spPr>
        <p:txBody>
          <a:bodyPr/>
          <a:lstStyle>
            <a:lvl1pPr marL="0" indent="0">
              <a:spcBef>
                <a:spcPct val="0"/>
              </a:spcBef>
              <a:buClrTx/>
              <a:buFontTx/>
              <a:buNone/>
              <a:defRPr kumimoji="0" sz="3200">
                <a:solidFill>
                  <a:srgbClr val="000000"/>
                </a:solidFill>
              </a:defRPr>
            </a:lvl1pPr>
          </a:lstStyle>
          <a:p>
            <a:pPr lvl="0"/>
            <a:r>
              <a:rPr lang="fr-FR" altLang="en-US" noProof="0" dirty="0"/>
              <a:t>Cliquez pour modifier le style des sous-titres du masque</a:t>
            </a:r>
          </a:p>
        </p:txBody>
      </p:sp>
    </p:spTree>
    <p:extLst>
      <p:ext uri="{BB962C8B-B14F-4D97-AF65-F5344CB8AC3E}">
        <p14:creationId xmlns:p14="http://schemas.microsoft.com/office/powerpoint/2010/main" val="8523642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7647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52500" y="1885950"/>
            <a:ext cx="10905067" cy="417195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262CDA0-FCFE-45D6-9503-FE3DC5F37C01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282710086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6018"/>
            <a:ext cx="12192000" cy="8306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952500" y="1885950"/>
            <a:ext cx="5350933" cy="4171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506634" y="1885950"/>
            <a:ext cx="5350933" cy="4171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5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F88D93D-482B-429E-B7B4-6437E71BB6C2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40744267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6018"/>
            <a:ext cx="12192000" cy="8306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B047901-468D-449D-B9EE-A6B19AB33EEB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33851669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A62121-4BDA-4EF3-AD4E-AF4060B3E6F2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372673480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4005E94-0331-4AE7-8ECF-39323FDC6A00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86254605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re et tablea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22785"/>
            <a:ext cx="12144672" cy="864840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lang="en-US" sz="3200" b="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Espace réservé du tableau 2"/>
          <p:cNvSpPr>
            <a:spLocks noGrp="1"/>
          </p:cNvSpPr>
          <p:nvPr>
            <p:ph type="tbl" idx="1"/>
          </p:nvPr>
        </p:nvSpPr>
        <p:spPr>
          <a:xfrm>
            <a:off x="952500" y="1885950"/>
            <a:ext cx="10905067" cy="4171950"/>
          </a:xfrm>
          <a:prstGeom prst="rect">
            <a:avLst/>
          </a:prstGeo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920F811-85B2-4E6E-901A-392DA1F42975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7609636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re. Contenu et 2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29369"/>
            <a:ext cx="12192000" cy="8073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952500" y="1885950"/>
            <a:ext cx="5350933" cy="417195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2"/>
          </p:nvPr>
        </p:nvSpPr>
        <p:spPr>
          <a:xfrm>
            <a:off x="6506634" y="1885951"/>
            <a:ext cx="5350933" cy="20097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5" name="Espace réservé du contenu 4"/>
          <p:cNvSpPr>
            <a:spLocks noGrp="1"/>
          </p:cNvSpPr>
          <p:nvPr>
            <p:ph sz="quarter" idx="3"/>
          </p:nvPr>
        </p:nvSpPr>
        <p:spPr>
          <a:xfrm>
            <a:off x="6506634" y="4048126"/>
            <a:ext cx="5350933" cy="20097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6" name="Espace réservé du numéro de diapositive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699B6DE-9F99-48F0-B1E2-8076AC88E628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321453900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5658182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userDrawn="1">
  <p:cSld name="9_Titre et contenu">
    <p:spTree>
      <p:nvGrpSpPr>
        <p:cNvPr id="1" name=""/>
        <p:cNvGrpSpPr/>
        <p:nvPr/>
      </p:nvGrpSpPr>
      <p:grpSpPr bwMode="auto">
        <a:xfrm>
          <a:off x="0" y="0"/>
          <a:ext cx="0" cy="0"/>
          <a:chOff x="0" y="0"/>
          <a:chExt cx="0" cy="0"/>
        </a:xfrm>
      </p:grpSpPr>
      <p:sp>
        <p:nvSpPr>
          <p:cNvPr id="2" name="Triangle rectangle 1"/>
          <p:cNvSpPr/>
          <p:nvPr userDrawn="1"/>
        </p:nvSpPr>
        <p:spPr bwMode="auto">
          <a:xfrm rot="16199998">
            <a:off x="11234853" y="5910810"/>
            <a:ext cx="837281" cy="837281"/>
          </a:xfrm>
          <a:prstGeom prst="rtTriangle">
            <a:avLst/>
          </a:prstGeom>
          <a:noFill/>
          <a:ln w="9525">
            <a:solidFill>
              <a:srgbClr val="00B8DE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24" name="Espace réservé du contenu 23"/>
          <p:cNvSpPr>
            <a:spLocks noGrp="1"/>
          </p:cNvSpPr>
          <p:nvPr>
            <p:ph sz="quarter" idx="17"/>
          </p:nvPr>
        </p:nvSpPr>
        <p:spPr bwMode="auto">
          <a:xfrm>
            <a:off x="563563" y="1663700"/>
            <a:ext cx="10009187" cy="4119563"/>
          </a:xfrm>
        </p:spPr>
        <p:txBody>
          <a:bodyPr/>
          <a:lstStyle>
            <a:lvl1pPr>
              <a:defRPr>
                <a:latin typeface="Bahnschrift SemiCondensed"/>
              </a:defRPr>
            </a:lvl1pPr>
            <a:lvl2pPr marL="685800" indent="-228600">
              <a:buFontTx/>
              <a:buBlip>
                <a:blip r:embed="rId2"/>
              </a:buBlip>
              <a:defRPr>
                <a:latin typeface="Bahnschrift SemiCondensed"/>
              </a:defRPr>
            </a:lvl2pPr>
            <a:lvl3pPr>
              <a:defRPr>
                <a:latin typeface="Bahnschrift SemiCondensed"/>
              </a:defRPr>
            </a:lvl3pPr>
            <a:lvl4pPr>
              <a:defRPr>
                <a:latin typeface="Bahnschrift SemiCondensed"/>
              </a:defRPr>
            </a:lvl4pPr>
            <a:lvl5pPr>
              <a:defRPr>
                <a:latin typeface="Bahnschrift SemiCondensed"/>
              </a:defRPr>
            </a:lvl5pPr>
          </a:lstStyle>
          <a:p>
            <a:pPr lvl="0">
              <a:defRPr/>
            </a:pPr>
            <a:r>
              <a:rPr lang="fr-FR"/>
              <a:t>Cliquez pour modifier les styles du texte du masque</a:t>
            </a:r>
            <a:endParaRPr/>
          </a:p>
          <a:p>
            <a:pPr lvl="1">
              <a:defRPr/>
            </a:pPr>
            <a:r>
              <a:rPr lang="fr-FR"/>
              <a:t>Deuxième niveau</a:t>
            </a:r>
            <a:endParaRPr/>
          </a:p>
          <a:p>
            <a:pPr lvl="2">
              <a:defRPr/>
            </a:pPr>
            <a:r>
              <a:rPr lang="fr-FR"/>
              <a:t>Troisième niveau</a:t>
            </a:r>
            <a:endParaRPr/>
          </a:p>
          <a:p>
            <a:pPr lvl="3">
              <a:defRPr/>
            </a:pPr>
            <a:r>
              <a:rPr lang="fr-FR"/>
              <a:t>Quatrième niveau</a:t>
            </a:r>
            <a:endParaRPr/>
          </a:p>
          <a:p>
            <a:pPr lvl="4">
              <a:defRPr/>
            </a:pPr>
            <a:r>
              <a:rPr lang="fr-FR"/>
              <a:t>Cinquième niveau</a:t>
            </a:r>
            <a:endParaRPr/>
          </a:p>
        </p:txBody>
      </p:sp>
      <p:grpSp>
        <p:nvGrpSpPr>
          <p:cNvPr id="4" name="Groupe 3"/>
          <p:cNvGrpSpPr/>
          <p:nvPr userDrawn="1"/>
        </p:nvGrpSpPr>
        <p:grpSpPr bwMode="auto">
          <a:xfrm>
            <a:off x="0" y="6169981"/>
            <a:ext cx="11639682" cy="688019"/>
            <a:chOff x="0" y="6169981"/>
            <a:chExt cx="11639682" cy="688019"/>
          </a:xfrm>
        </p:grpSpPr>
        <p:cxnSp>
          <p:nvCxnSpPr>
            <p:cNvPr id="5" name="Connecteur droit 4"/>
            <p:cNvCxnSpPr>
              <a:cxnSpLocks/>
            </p:cNvCxnSpPr>
            <p:nvPr userDrawn="1"/>
          </p:nvCxnSpPr>
          <p:spPr bwMode="auto">
            <a:xfrm>
              <a:off x="0" y="6169981"/>
              <a:ext cx="11639682" cy="3396"/>
            </a:xfrm>
            <a:prstGeom prst="line">
              <a:avLst/>
            </a:prstGeom>
            <a:ln w="9525">
              <a:solidFill>
                <a:srgbClr val="99CC99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Connecteur droit 5"/>
            <p:cNvCxnSpPr>
              <a:cxnSpLocks/>
            </p:cNvCxnSpPr>
            <p:nvPr userDrawn="1"/>
          </p:nvCxnSpPr>
          <p:spPr bwMode="auto">
            <a:xfrm flipH="1">
              <a:off x="10933907" y="6173377"/>
              <a:ext cx="703394" cy="684623"/>
            </a:xfrm>
            <a:prstGeom prst="line">
              <a:avLst/>
            </a:prstGeom>
            <a:ln w="9525">
              <a:solidFill>
                <a:srgbClr val="99CC99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7" name="Image 16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/>
        </p:blipFill>
        <p:spPr bwMode="auto">
          <a:xfrm>
            <a:off x="230903" y="6362474"/>
            <a:ext cx="958704" cy="388527"/>
          </a:xfrm>
          <a:prstGeom prst="rect">
            <a:avLst/>
          </a:prstGeom>
        </p:spPr>
      </p:pic>
      <p:sp>
        <p:nvSpPr>
          <p:cNvPr id="20" name="ZoneTexte 19"/>
          <p:cNvSpPr txBox="1"/>
          <p:nvPr userDrawn="1"/>
        </p:nvSpPr>
        <p:spPr bwMode="auto">
          <a:xfrm>
            <a:off x="11615877" y="6344250"/>
            <a:ext cx="48388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defRPr/>
            </a:pPr>
            <a:fld id="{470B26BD-1023-8646-9A2C-47B99FBD13CA}" type="slidenum">
              <a:rPr lang="fr-FR" sz="1400" b="1">
                <a:solidFill>
                  <a:srgbClr val="0C2340"/>
                </a:solidFill>
                <a:latin typeface="Bahnschrift SemiCondensed"/>
                <a:cs typeface="Arial"/>
              </a:rPr>
              <a:t>‹N°›</a:t>
            </a:fld>
            <a:endParaRPr lang="fr-FR" sz="1600" b="1">
              <a:solidFill>
                <a:srgbClr val="0C2340"/>
              </a:solidFill>
              <a:latin typeface="Bahnschrift SemiCondensed"/>
              <a:cs typeface="Arial"/>
            </a:endParaRPr>
          </a:p>
        </p:txBody>
      </p:sp>
      <p:sp>
        <p:nvSpPr>
          <p:cNvPr id="16" name="Espace réservé du pied de page 4"/>
          <p:cNvSpPr>
            <a:spLocks noGrp="1"/>
          </p:cNvSpPr>
          <p:nvPr>
            <p:ph type="ftr" sz="quarter" idx="3"/>
          </p:nvPr>
        </p:nvSpPr>
        <p:spPr bwMode="auto">
          <a:xfrm>
            <a:off x="1287780" y="6441894"/>
            <a:ext cx="8915400" cy="19403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algn="ctr">
              <a:defRPr lang="en-US" sz="1000">
                <a:solidFill>
                  <a:srgbClr val="0C2340"/>
                </a:solidFill>
                <a:cs typeface="Arial"/>
              </a:defRPr>
            </a:lvl1pPr>
          </a:lstStyle>
          <a:p>
            <a:pPr>
              <a:lnSpc>
                <a:spcPct val="90000"/>
              </a:lnSpc>
              <a:spcBef>
                <a:spcPts val="1000"/>
              </a:spcBef>
              <a:defRPr/>
            </a:pPr>
            <a:r>
              <a:rPr lang="en-US"/>
              <a:t>The PRISMA Team, Subatech Scientific Council, 24-25 march 2025</a:t>
            </a:r>
          </a:p>
        </p:txBody>
      </p:sp>
      <p:sp>
        <p:nvSpPr>
          <p:cNvPr id="18" name="Titre 1">
            <a:extLst>
              <a:ext uri="{FF2B5EF4-FFF2-40B4-BE49-F238E27FC236}">
                <a16:creationId xmlns:a16="http://schemas.microsoft.com/office/drawing/2014/main" id="{DD1B16DB-58F6-4414-9BAB-B9A1EB4B12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9369"/>
            <a:ext cx="12192000" cy="8073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 dirty="0"/>
              <a:t>Modifiez le style du tit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041644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54610" y="1088666"/>
            <a:ext cx="11698530" cy="5112568"/>
          </a:xfrm>
          <a:prstGeom prst="rect">
            <a:avLst/>
          </a:prstGeom>
        </p:spPr>
        <p:txBody>
          <a:bodyPr/>
          <a:lstStyle>
            <a:lvl1pPr>
              <a:buClr>
                <a:srgbClr val="95C154"/>
              </a:buClr>
              <a:defRPr sz="2000">
                <a:solidFill>
                  <a:schemeClr val="tx1"/>
                </a:solidFill>
              </a:defRPr>
            </a:lvl1pPr>
            <a:lvl2pPr>
              <a:buClr>
                <a:srgbClr val="95C154"/>
              </a:buClr>
              <a:defRPr sz="1800">
                <a:solidFill>
                  <a:schemeClr val="tx1"/>
                </a:solidFill>
              </a:defRPr>
            </a:lvl2pPr>
            <a:lvl3pPr>
              <a:buClr>
                <a:srgbClr val="95C154"/>
              </a:buClr>
              <a:defRPr sz="1600">
                <a:solidFill>
                  <a:schemeClr val="tx1"/>
                </a:solidFill>
              </a:defRPr>
            </a:lvl3pPr>
          </a:lstStyle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9652000" y="6453188"/>
            <a:ext cx="2540000" cy="228600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16952F40-6BD1-41EC-8AA6-44A743C516AE}" type="slidenum">
              <a:rPr lang="en-US" altLang="en-US"/>
              <a:pPr>
                <a:defRPr/>
              </a:pPr>
              <a:t>‹N°›</a:t>
            </a:fld>
            <a:endParaRPr lang="en-US" altLang="en-US"/>
          </a:p>
        </p:txBody>
      </p:sp>
      <p:sp>
        <p:nvSpPr>
          <p:cNvPr id="9" name="Titre 1">
            <a:extLst>
              <a:ext uri="{FF2B5EF4-FFF2-40B4-BE49-F238E27FC236}">
                <a16:creationId xmlns:a16="http://schemas.microsoft.com/office/drawing/2014/main" id="{23630041-16BD-427B-AC51-0ED7A66EBB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9369"/>
            <a:ext cx="12192000" cy="8073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lang="en-US" b="0"/>
            </a:lvl1pPr>
          </a:lstStyle>
          <a:p>
            <a:pPr lvl="0"/>
            <a:r>
              <a:rPr lang="fr-FR" dirty="0"/>
              <a:t>Modifiez le style du tit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1939710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52_IBA-SECRET-content-1p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BEAFF40-96CD-C944-B5FD-B7144E0613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981A7AF-A60D-244B-AFB3-9527C61DD654}" type="slidenum">
              <a:rPr lang="fr-FR" smtClean="0"/>
              <a:t>‹N°›</a:t>
            </a:fld>
            <a:endParaRPr lang="fr-FR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11140A8-FEE0-E14A-B92C-C75E943C88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717FCB-8E29-6741-BA08-B67BDAF81FF6}" type="datetime1">
              <a:rPr lang="fr-BE" smtClean="0"/>
              <a:t>16-12-25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71786AF-3681-CA40-9441-0865904F7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18" name="Espace réservé pour une image  17">
            <a:extLst>
              <a:ext uri="{FF2B5EF4-FFF2-40B4-BE49-F238E27FC236}">
                <a16:creationId xmlns:a16="http://schemas.microsoft.com/office/drawing/2014/main" id="{07F13509-15B7-1446-A2B7-718C0B1791A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096000" y="1393600"/>
            <a:ext cx="5718688" cy="36000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>
            <a:normAutofit/>
          </a:bodyPr>
          <a:lstStyle>
            <a:lvl1pPr>
              <a:defRPr sz="1200" baseline="0"/>
            </a:lvl1pPr>
          </a:lstStyle>
          <a:p>
            <a:r>
              <a:rPr lang="en-US"/>
              <a:t>Click icon to add picture</a:t>
            </a:r>
            <a:endParaRPr lang="fr-FR"/>
          </a:p>
        </p:txBody>
      </p:sp>
      <p:sp>
        <p:nvSpPr>
          <p:cNvPr id="19" name="Espace réservé du titre 1">
            <a:extLst>
              <a:ext uri="{FF2B5EF4-FFF2-40B4-BE49-F238E27FC236}">
                <a16:creationId xmlns:a16="http://schemas.microsoft.com/office/drawing/2014/main" id="{CD5FC30D-9F37-42F1-A345-E00C93969B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335" y="365125"/>
            <a:ext cx="10770188" cy="55778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9" name="Espace réservé du texte 2">
            <a:extLst>
              <a:ext uri="{FF2B5EF4-FFF2-40B4-BE49-F238E27FC236}">
                <a16:creationId xmlns:a16="http://schemas.microsoft.com/office/drawing/2014/main" id="{DE7A9435-E14A-46C1-9F3B-8C08AFD1231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8300" y="1304448"/>
            <a:ext cx="5590216" cy="481552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9656425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93603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269057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754838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12/16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86131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683717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559638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3C3FD-E4BC-441D-8118-C0D84E1B2788}" type="datetimeFigureOut">
              <a:rPr lang="fr-FR" smtClean="0"/>
              <a:t>16/12/2025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8EB0F1-35F6-45BF-A99A-F8B580D44EB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98845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12/16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N°›</a:t>
            </a:fld>
            <a:endParaRPr lang="en-US" dirty="0"/>
          </a:p>
        </p:txBody>
      </p:sp>
      <p:sp>
        <p:nvSpPr>
          <p:cNvPr id="7" name="Rectangle 9">
            <a:extLst>
              <a:ext uri="{FF2B5EF4-FFF2-40B4-BE49-F238E27FC236}">
                <a16:creationId xmlns:a16="http://schemas.microsoft.com/office/drawing/2014/main" id="{62E2AD7A-6F36-4A4A-8FA8-8836E0E4A52F}"/>
              </a:ext>
            </a:extLst>
          </p:cNvPr>
          <p:cNvSpPr>
            <a:spLocks noChangeArrowheads="1"/>
          </p:cNvSpPr>
          <p:nvPr userDrawn="1"/>
        </p:nvSpPr>
        <p:spPr bwMode="auto">
          <a:xfrm>
            <a:off x="0" y="6406390"/>
            <a:ext cx="12192000" cy="457200"/>
          </a:xfrm>
          <a:prstGeom prst="rect">
            <a:avLst/>
          </a:prstGeom>
          <a:gradFill rotWithShape="0">
            <a:gsLst>
              <a:gs pos="0">
                <a:srgbClr val="009900"/>
              </a:gs>
              <a:gs pos="100000">
                <a:srgbClr val="F8F8F8"/>
              </a:gs>
            </a:gsLst>
            <a:lin ang="0" scaled="1"/>
          </a:gradFill>
          <a:ln w="9525">
            <a:noFill/>
            <a:miter lim="800000"/>
            <a:headEnd/>
            <a:tailEnd/>
          </a:ln>
          <a:effectLst/>
        </p:spPr>
        <p:txBody>
          <a:bodyPr wrap="none" lIns="630000" anchor="ctr"/>
          <a:lstStyle/>
          <a:p>
            <a:pPr>
              <a:defRPr/>
            </a:pPr>
            <a:endParaRPr lang="fr-FR" sz="1600" b="1" i="1" dirty="0">
              <a:solidFill>
                <a:srgbClr val="0000CC"/>
              </a:solidFill>
              <a:latin typeface="Arial" charset="0"/>
            </a:endParaRPr>
          </a:p>
        </p:txBody>
      </p:sp>
      <p:sp>
        <p:nvSpPr>
          <p:cNvPr id="8" name="Rectangle 6">
            <a:extLst>
              <a:ext uri="{FF2B5EF4-FFF2-40B4-BE49-F238E27FC236}">
                <a16:creationId xmlns:a16="http://schemas.microsoft.com/office/drawing/2014/main" id="{4A68E791-F69E-4AED-9BEE-C56F7CC28C6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3176" y="6441763"/>
            <a:ext cx="765025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r" defTabSz="457200" rtl="0" eaLnBrk="0" latinLnBrk="0" hangingPunct="0">
              <a:defRPr sz="1400" kern="1200">
                <a:solidFill>
                  <a:schemeClr val="tx1"/>
                </a:solidFill>
                <a:latin typeface="Times" pitchFamily="1" charset="0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97014C88-E30E-461D-B27E-53F989D539DD}" type="slidenum">
              <a:rPr lang="fr-FR" sz="2000" b="1" smtClean="0">
                <a:solidFill>
                  <a:schemeClr val="bg1"/>
                </a:solidFill>
              </a:rPr>
              <a:pPr>
                <a:defRPr/>
              </a:pPr>
              <a:t>‹N°›</a:t>
            </a:fld>
            <a:endParaRPr lang="fr-FR" sz="2000" b="1" dirty="0">
              <a:solidFill>
                <a:schemeClr val="bg1"/>
              </a:solidFill>
            </a:endParaRPr>
          </a:p>
        </p:txBody>
      </p:sp>
      <p:pic>
        <p:nvPicPr>
          <p:cNvPr id="9" name="Picture 10" descr="arronax_rectangle">
            <a:extLst>
              <a:ext uri="{FF2B5EF4-FFF2-40B4-BE49-F238E27FC236}">
                <a16:creationId xmlns:a16="http://schemas.microsoft.com/office/drawing/2014/main" id="{C6B94E74-A234-4215-8A5B-B3B30473315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9264353" y="6459573"/>
            <a:ext cx="1824567" cy="350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" name="Picture 2" descr="Description : C:\Users\haddad\Desktop\Logo AFAQ.png">
            <a:extLst>
              <a:ext uri="{FF2B5EF4-FFF2-40B4-BE49-F238E27FC236}">
                <a16:creationId xmlns:a16="http://schemas.microsoft.com/office/drawing/2014/main" id="{1981FF2C-9C41-4016-94E0-328F1923AED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80576" y="6422265"/>
            <a:ext cx="618067" cy="425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874111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9"/>
          <p:cNvSpPr>
            <a:spLocks noChangeArrowheads="1"/>
          </p:cNvSpPr>
          <p:nvPr userDrawn="1"/>
        </p:nvSpPr>
        <p:spPr bwMode="auto">
          <a:xfrm>
            <a:off x="0" y="6453188"/>
            <a:ext cx="12192000" cy="404812"/>
          </a:xfrm>
          <a:prstGeom prst="rect">
            <a:avLst/>
          </a:prstGeom>
          <a:gradFill rotWithShape="0">
            <a:gsLst>
              <a:gs pos="0">
                <a:srgbClr val="009900"/>
              </a:gs>
              <a:gs pos="100000">
                <a:srgbClr val="F8F8F8"/>
              </a:gs>
            </a:gsLst>
            <a:lin ang="0" scaled="1"/>
          </a:gradFill>
          <a:ln w="9525">
            <a:noFill/>
            <a:miter lim="800000"/>
            <a:headEnd/>
            <a:tailEnd/>
          </a:ln>
          <a:effectLst/>
        </p:spPr>
        <p:txBody>
          <a:bodyPr wrap="none" lIns="630000" anchor="ctr"/>
          <a:lstStyle/>
          <a:p>
            <a:pPr>
              <a:defRPr/>
            </a:pPr>
            <a:r>
              <a:rPr lang="fr-FR" sz="1600" b="1" i="1" dirty="0">
                <a:solidFill>
                  <a:schemeClr val="accent2"/>
                </a:solidFill>
                <a:effectLst>
                  <a:outerShdw blurRad="38100" dist="38100" dir="2700000" algn="tl">
                    <a:srgbClr val="000000"/>
                  </a:outerShdw>
                </a:effectLst>
                <a:ea typeface="ＭＳ Ｐゴシック" charset="-128"/>
                <a:cs typeface="Arial" charset="0"/>
              </a:rPr>
              <a:t>							</a:t>
            </a:r>
            <a:endParaRPr lang="fr-FR" sz="1600" b="1" i="1" dirty="0">
              <a:solidFill>
                <a:srgbClr val="0066FF"/>
              </a:solidFill>
              <a:ea typeface="ＭＳ Ｐゴシック" charset="-128"/>
              <a:cs typeface="Arial" charset="0"/>
            </a:endParaRPr>
          </a:p>
        </p:txBody>
      </p:sp>
      <p:sp>
        <p:nvSpPr>
          <p:cNvPr id="1027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159000" y="115889"/>
            <a:ext cx="7874000" cy="936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altLang="en-US"/>
              <a:t>Cliquez et modifiez le titre</a:t>
            </a: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239185" y="1125538"/>
            <a:ext cx="11713633" cy="5616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altLang="en-US"/>
              <a:t>Cliquez pour modifier les styles du texte du masque</a:t>
            </a:r>
          </a:p>
          <a:p>
            <a:pPr lvl="1"/>
            <a:r>
              <a:rPr lang="fr-FR" altLang="en-US"/>
              <a:t>Deuxième niveau</a:t>
            </a:r>
          </a:p>
          <a:p>
            <a:pPr lvl="2"/>
            <a:r>
              <a:rPr lang="fr-FR" altLang="en-US"/>
              <a:t>Troisième niveau</a:t>
            </a:r>
          </a:p>
          <a:p>
            <a:pPr lvl="3"/>
            <a:r>
              <a:rPr lang="fr-FR" altLang="en-US"/>
              <a:t>Quatrième niveau</a:t>
            </a:r>
          </a:p>
          <a:p>
            <a:pPr lvl="4"/>
            <a:r>
              <a:rPr lang="fr-FR" altLang="en-US"/>
              <a:t>Cinquième niveau</a:t>
            </a:r>
          </a:p>
        </p:txBody>
      </p:sp>
      <p:pic>
        <p:nvPicPr>
          <p:cNvPr id="1029" name="Image 7" descr="arronax_rectangle.png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64652" y="6465888"/>
            <a:ext cx="1974849" cy="381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Image 1"/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377085" y="6249988"/>
            <a:ext cx="814916" cy="563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>
          <a:xfrm>
            <a:off x="5577418" y="6465889"/>
            <a:ext cx="1037167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46E1E7D7-E56E-49BB-8DEB-9CEADF8CAA70}" type="slidenum">
              <a:rPr lang="fr-FR" altLang="fr-FR"/>
              <a:pPr>
                <a:defRPr/>
              </a:pPr>
              <a:t>‹N°›</a:t>
            </a:fld>
            <a:endParaRPr lang="fr-FR" altLang="fr-FR"/>
          </a:p>
        </p:txBody>
      </p:sp>
    </p:spTree>
    <p:extLst>
      <p:ext uri="{BB962C8B-B14F-4D97-AF65-F5344CB8AC3E}">
        <p14:creationId xmlns:p14="http://schemas.microsoft.com/office/powerpoint/2010/main" val="14500675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kumimoji="1" sz="3200" b="1">
          <a:solidFill>
            <a:srgbClr val="0070C0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kumimoji="1" sz="3200" b="1">
          <a:solidFill>
            <a:srgbClr val="0070C0"/>
          </a:solidFill>
          <a:latin typeface="Times New Roman" pitchFamily="18" charset="0"/>
          <a:cs typeface="Times New Roman" pitchFamily="18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kumimoji="1" sz="3200" b="1">
          <a:solidFill>
            <a:srgbClr val="0070C0"/>
          </a:solidFill>
          <a:latin typeface="Times New Roman" pitchFamily="18" charset="0"/>
          <a:cs typeface="Times New Roman" pitchFamily="18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kumimoji="1" sz="3200" b="1">
          <a:solidFill>
            <a:srgbClr val="0070C0"/>
          </a:solidFill>
          <a:latin typeface="Times New Roman" pitchFamily="18" charset="0"/>
          <a:cs typeface="Times New Roman" pitchFamily="18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kumimoji="1" sz="3200" b="1">
          <a:solidFill>
            <a:srgbClr val="0070C0"/>
          </a:solidFill>
          <a:latin typeface="Times New Roman" pitchFamily="18" charset="0"/>
          <a:cs typeface="Times New Roman" pitchFamily="18" charset="0"/>
        </a:defRPr>
      </a:lvl5pPr>
      <a:lvl6pPr marL="457200" algn="l" rtl="0" eaLnBrk="0" fontAlgn="base" hangingPunct="0">
        <a:spcBef>
          <a:spcPct val="0"/>
        </a:spcBef>
        <a:spcAft>
          <a:spcPct val="0"/>
        </a:spcAft>
        <a:defRPr kumimoji="1" sz="2800" b="1">
          <a:solidFill>
            <a:schemeClr val="tx2"/>
          </a:solidFill>
          <a:latin typeface="Arial Black" pitchFamily="34" charset="0"/>
        </a:defRPr>
      </a:lvl6pPr>
      <a:lvl7pPr marL="914400" algn="l" rtl="0" eaLnBrk="0" fontAlgn="base" hangingPunct="0">
        <a:spcBef>
          <a:spcPct val="0"/>
        </a:spcBef>
        <a:spcAft>
          <a:spcPct val="0"/>
        </a:spcAft>
        <a:defRPr kumimoji="1" sz="2800" b="1">
          <a:solidFill>
            <a:schemeClr val="tx2"/>
          </a:solidFill>
          <a:latin typeface="Arial Black" pitchFamily="34" charset="0"/>
        </a:defRPr>
      </a:lvl7pPr>
      <a:lvl8pPr marL="1371600" algn="l" rtl="0" eaLnBrk="0" fontAlgn="base" hangingPunct="0">
        <a:spcBef>
          <a:spcPct val="0"/>
        </a:spcBef>
        <a:spcAft>
          <a:spcPct val="0"/>
        </a:spcAft>
        <a:defRPr kumimoji="1" sz="2800" b="1">
          <a:solidFill>
            <a:schemeClr val="tx2"/>
          </a:solidFill>
          <a:latin typeface="Arial Black" pitchFamily="34" charset="0"/>
        </a:defRPr>
      </a:lvl8pPr>
      <a:lvl9pPr marL="1828800" algn="l" rtl="0" eaLnBrk="0" fontAlgn="base" hangingPunct="0">
        <a:spcBef>
          <a:spcPct val="0"/>
        </a:spcBef>
        <a:spcAft>
          <a:spcPct val="0"/>
        </a:spcAft>
        <a:defRPr kumimoji="1" sz="2800" b="1">
          <a:solidFill>
            <a:schemeClr val="tx2"/>
          </a:solidFill>
          <a:latin typeface="Arial Black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Font typeface="Monotype Sorts" pitchFamily="2" charset="2"/>
        <a:buChar char="z"/>
        <a:defRPr kumimoji="1" sz="2400">
          <a:solidFill>
            <a:schemeClr val="tx1"/>
          </a:solidFill>
          <a:latin typeface="Times New Roman" panose="02020603050405020304" pitchFamily="18" charset="0"/>
          <a:ea typeface="+mn-ea"/>
          <a:cs typeface="Times New Roman" panose="02020603050405020304" pitchFamily="18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Font typeface="Monotype Sorts" pitchFamily="2" charset="2"/>
        <a:buChar char="y"/>
        <a:defRPr kumimoji="1" sz="2000">
          <a:solidFill>
            <a:schemeClr val="tx1"/>
          </a:solidFill>
          <a:latin typeface="Times New Roman" panose="02020603050405020304" pitchFamily="18" charset="0"/>
          <a:cs typeface="Times New Roman" panose="02020603050405020304" pitchFamily="18" charset="0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Font typeface="Monotype Sorts" pitchFamily="2" charset="2"/>
        <a:buChar char="x"/>
        <a:defRPr kumimoji="1">
          <a:solidFill>
            <a:schemeClr val="tx1"/>
          </a:solidFill>
          <a:latin typeface="Times New Roman" panose="02020603050405020304" pitchFamily="18" charset="0"/>
          <a:cs typeface="Times New Roman" panose="02020603050405020304" pitchFamily="18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•"/>
        <a:defRPr kumimoji="1" sz="1600">
          <a:solidFill>
            <a:schemeClr val="tx1"/>
          </a:solidFill>
          <a:latin typeface="Times New Roman" panose="02020603050405020304" pitchFamily="18" charset="0"/>
          <a:cs typeface="Times New Roman" panose="02020603050405020304" pitchFamily="18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 kumimoji="1" sz="1400">
          <a:solidFill>
            <a:schemeClr val="tx1"/>
          </a:solidFill>
          <a:latin typeface="Times New Roman" panose="02020603050405020304" pitchFamily="18" charset="0"/>
          <a:cs typeface="Times New Roman" panose="02020603050405020304" pitchFamily="18" charset="0"/>
        </a:defRPr>
      </a:lvl5pPr>
      <a:lvl6pPr marL="25146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 kumimoji="1" sz="1400">
          <a:solidFill>
            <a:schemeClr val="tx1"/>
          </a:solidFill>
          <a:latin typeface="+mn-lt"/>
        </a:defRPr>
      </a:lvl6pPr>
      <a:lvl7pPr marL="29718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 kumimoji="1" sz="1400">
          <a:solidFill>
            <a:schemeClr val="tx1"/>
          </a:solidFill>
          <a:latin typeface="+mn-lt"/>
        </a:defRPr>
      </a:lvl7pPr>
      <a:lvl8pPr marL="34290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 kumimoji="1" sz="1400">
          <a:solidFill>
            <a:schemeClr val="tx1"/>
          </a:solidFill>
          <a:latin typeface="+mn-lt"/>
        </a:defRPr>
      </a:lvl8pPr>
      <a:lvl9pPr marL="38862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Char char="–"/>
        <a:defRPr kumimoji="1" sz="14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26.jpeg"/><Relationship Id="rId4" Type="http://schemas.openxmlformats.org/officeDocument/2006/relationships/image" Target="../media/image25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3.jpe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jpeg"/><Relationship Id="rId3" Type="http://schemas.openxmlformats.org/officeDocument/2006/relationships/diagramLayout" Target="../diagrams/layout1.xml"/><Relationship Id="rId7" Type="http://schemas.openxmlformats.org/officeDocument/2006/relationships/image" Target="../media/image3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Relationship Id="rId9" Type="http://schemas.openxmlformats.org/officeDocument/2006/relationships/image" Target="../media/image3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7" Type="http://schemas.openxmlformats.org/officeDocument/2006/relationships/image" Target="../media/image42.jpe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tif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6" Type="http://schemas.openxmlformats.org/officeDocument/2006/relationships/tags" Target="../tags/tag30.xml"/><Relationship Id="rId21" Type="http://schemas.openxmlformats.org/officeDocument/2006/relationships/tags" Target="../tags/tag25.xml"/><Relationship Id="rId42" Type="http://schemas.openxmlformats.org/officeDocument/2006/relationships/tags" Target="../tags/tag46.xml"/><Relationship Id="rId47" Type="http://schemas.openxmlformats.org/officeDocument/2006/relationships/tags" Target="../tags/tag51.xml"/><Relationship Id="rId63" Type="http://schemas.openxmlformats.org/officeDocument/2006/relationships/tags" Target="../tags/tag67.xml"/><Relationship Id="rId68" Type="http://schemas.openxmlformats.org/officeDocument/2006/relationships/tags" Target="../tags/tag72.xml"/><Relationship Id="rId7" Type="http://schemas.openxmlformats.org/officeDocument/2006/relationships/tags" Target="../tags/tag11.xml"/><Relationship Id="rId2" Type="http://schemas.openxmlformats.org/officeDocument/2006/relationships/tags" Target="../tags/tag6.xml"/><Relationship Id="rId16" Type="http://schemas.openxmlformats.org/officeDocument/2006/relationships/tags" Target="../tags/tag20.xml"/><Relationship Id="rId29" Type="http://schemas.openxmlformats.org/officeDocument/2006/relationships/tags" Target="../tags/tag33.xml"/><Relationship Id="rId11" Type="http://schemas.openxmlformats.org/officeDocument/2006/relationships/tags" Target="../tags/tag15.xml"/><Relationship Id="rId24" Type="http://schemas.openxmlformats.org/officeDocument/2006/relationships/tags" Target="../tags/tag28.xml"/><Relationship Id="rId32" Type="http://schemas.openxmlformats.org/officeDocument/2006/relationships/tags" Target="../tags/tag36.xml"/><Relationship Id="rId37" Type="http://schemas.openxmlformats.org/officeDocument/2006/relationships/tags" Target="../tags/tag41.xml"/><Relationship Id="rId40" Type="http://schemas.openxmlformats.org/officeDocument/2006/relationships/tags" Target="../tags/tag44.xml"/><Relationship Id="rId45" Type="http://schemas.openxmlformats.org/officeDocument/2006/relationships/tags" Target="../tags/tag49.xml"/><Relationship Id="rId53" Type="http://schemas.openxmlformats.org/officeDocument/2006/relationships/tags" Target="../tags/tag57.xml"/><Relationship Id="rId58" Type="http://schemas.openxmlformats.org/officeDocument/2006/relationships/tags" Target="../tags/tag62.xml"/><Relationship Id="rId66" Type="http://schemas.openxmlformats.org/officeDocument/2006/relationships/tags" Target="../tags/tag70.xml"/><Relationship Id="rId5" Type="http://schemas.openxmlformats.org/officeDocument/2006/relationships/tags" Target="../tags/tag9.xml"/><Relationship Id="rId61" Type="http://schemas.openxmlformats.org/officeDocument/2006/relationships/tags" Target="../tags/tag65.xml"/><Relationship Id="rId19" Type="http://schemas.openxmlformats.org/officeDocument/2006/relationships/tags" Target="../tags/tag23.xml"/><Relationship Id="rId14" Type="http://schemas.openxmlformats.org/officeDocument/2006/relationships/tags" Target="../tags/tag18.xml"/><Relationship Id="rId22" Type="http://schemas.openxmlformats.org/officeDocument/2006/relationships/tags" Target="../tags/tag26.xml"/><Relationship Id="rId27" Type="http://schemas.openxmlformats.org/officeDocument/2006/relationships/tags" Target="../tags/tag31.xml"/><Relationship Id="rId30" Type="http://schemas.openxmlformats.org/officeDocument/2006/relationships/tags" Target="../tags/tag34.xml"/><Relationship Id="rId35" Type="http://schemas.openxmlformats.org/officeDocument/2006/relationships/tags" Target="../tags/tag39.xml"/><Relationship Id="rId43" Type="http://schemas.openxmlformats.org/officeDocument/2006/relationships/tags" Target="../tags/tag47.xml"/><Relationship Id="rId48" Type="http://schemas.openxmlformats.org/officeDocument/2006/relationships/tags" Target="../tags/tag52.xml"/><Relationship Id="rId56" Type="http://schemas.openxmlformats.org/officeDocument/2006/relationships/tags" Target="../tags/tag60.xml"/><Relationship Id="rId64" Type="http://schemas.openxmlformats.org/officeDocument/2006/relationships/tags" Target="../tags/tag68.xml"/><Relationship Id="rId69" Type="http://schemas.openxmlformats.org/officeDocument/2006/relationships/tags" Target="../tags/tag73.xml"/><Relationship Id="rId8" Type="http://schemas.openxmlformats.org/officeDocument/2006/relationships/tags" Target="../tags/tag12.xml"/><Relationship Id="rId51" Type="http://schemas.openxmlformats.org/officeDocument/2006/relationships/tags" Target="../tags/tag55.xml"/><Relationship Id="rId3" Type="http://schemas.openxmlformats.org/officeDocument/2006/relationships/tags" Target="../tags/tag7.xml"/><Relationship Id="rId12" Type="http://schemas.openxmlformats.org/officeDocument/2006/relationships/tags" Target="../tags/tag16.xml"/><Relationship Id="rId17" Type="http://schemas.openxmlformats.org/officeDocument/2006/relationships/tags" Target="../tags/tag21.xml"/><Relationship Id="rId25" Type="http://schemas.openxmlformats.org/officeDocument/2006/relationships/tags" Target="../tags/tag29.xml"/><Relationship Id="rId33" Type="http://schemas.openxmlformats.org/officeDocument/2006/relationships/tags" Target="../tags/tag37.xml"/><Relationship Id="rId38" Type="http://schemas.openxmlformats.org/officeDocument/2006/relationships/tags" Target="../tags/tag42.xml"/><Relationship Id="rId46" Type="http://schemas.openxmlformats.org/officeDocument/2006/relationships/tags" Target="../tags/tag50.xml"/><Relationship Id="rId59" Type="http://schemas.openxmlformats.org/officeDocument/2006/relationships/tags" Target="../tags/tag63.xml"/><Relationship Id="rId67" Type="http://schemas.openxmlformats.org/officeDocument/2006/relationships/tags" Target="../tags/tag71.xml"/><Relationship Id="rId20" Type="http://schemas.openxmlformats.org/officeDocument/2006/relationships/tags" Target="../tags/tag24.xml"/><Relationship Id="rId41" Type="http://schemas.openxmlformats.org/officeDocument/2006/relationships/tags" Target="../tags/tag45.xml"/><Relationship Id="rId54" Type="http://schemas.openxmlformats.org/officeDocument/2006/relationships/tags" Target="../tags/tag58.xml"/><Relationship Id="rId62" Type="http://schemas.openxmlformats.org/officeDocument/2006/relationships/tags" Target="../tags/tag66.xml"/><Relationship Id="rId70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15" Type="http://schemas.openxmlformats.org/officeDocument/2006/relationships/tags" Target="../tags/tag19.xml"/><Relationship Id="rId23" Type="http://schemas.openxmlformats.org/officeDocument/2006/relationships/tags" Target="../tags/tag27.xml"/><Relationship Id="rId28" Type="http://schemas.openxmlformats.org/officeDocument/2006/relationships/tags" Target="../tags/tag32.xml"/><Relationship Id="rId36" Type="http://schemas.openxmlformats.org/officeDocument/2006/relationships/tags" Target="../tags/tag40.xml"/><Relationship Id="rId49" Type="http://schemas.openxmlformats.org/officeDocument/2006/relationships/tags" Target="../tags/tag53.xml"/><Relationship Id="rId57" Type="http://schemas.openxmlformats.org/officeDocument/2006/relationships/tags" Target="../tags/tag61.xml"/><Relationship Id="rId10" Type="http://schemas.openxmlformats.org/officeDocument/2006/relationships/tags" Target="../tags/tag14.xml"/><Relationship Id="rId31" Type="http://schemas.openxmlformats.org/officeDocument/2006/relationships/tags" Target="../tags/tag35.xml"/><Relationship Id="rId44" Type="http://schemas.openxmlformats.org/officeDocument/2006/relationships/tags" Target="../tags/tag48.xml"/><Relationship Id="rId52" Type="http://schemas.openxmlformats.org/officeDocument/2006/relationships/tags" Target="../tags/tag56.xml"/><Relationship Id="rId60" Type="http://schemas.openxmlformats.org/officeDocument/2006/relationships/tags" Target="../tags/tag64.xml"/><Relationship Id="rId65" Type="http://schemas.openxmlformats.org/officeDocument/2006/relationships/tags" Target="../tags/tag69.xml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3" Type="http://schemas.openxmlformats.org/officeDocument/2006/relationships/tags" Target="../tags/tag17.xml"/><Relationship Id="rId18" Type="http://schemas.openxmlformats.org/officeDocument/2006/relationships/tags" Target="../tags/tag22.xml"/><Relationship Id="rId39" Type="http://schemas.openxmlformats.org/officeDocument/2006/relationships/tags" Target="../tags/tag43.xml"/><Relationship Id="rId34" Type="http://schemas.openxmlformats.org/officeDocument/2006/relationships/tags" Target="../tags/tag38.xml"/><Relationship Id="rId50" Type="http://schemas.openxmlformats.org/officeDocument/2006/relationships/tags" Target="../tags/tag54.xml"/><Relationship Id="rId55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5" Type="http://schemas.openxmlformats.org/officeDocument/2006/relationships/image" Target="../media/image10.png"/><Relationship Id="rId4" Type="http://schemas.openxmlformats.org/officeDocument/2006/relationships/image" Target="../media/image9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2.xml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A05C2D1-E398-4AEA-A60E-7B0D7C2C79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9078" y="1258507"/>
            <a:ext cx="7886700" cy="4553715"/>
          </a:xfrm>
        </p:spPr>
        <p:txBody>
          <a:bodyPr>
            <a:normAutofit/>
          </a:bodyPr>
          <a:lstStyle/>
          <a:p>
            <a:pPr algn="ctr"/>
            <a:r>
              <a:rPr kumimoji="1" lang="en-GB" sz="4400" b="1" dirty="0">
                <a:solidFill>
                  <a:srgbClr val="008000"/>
                </a:solidFill>
                <a:ea typeface="+mj-ea"/>
                <a:cs typeface="Times New Roman" panose="02020603050405020304" pitchFamily="18" charset="0"/>
              </a:rPr>
              <a:t>ARRONAX: </a:t>
            </a:r>
            <a:r>
              <a:rPr lang="en-GB" altLang="fr-FR" sz="4400" b="1" kern="0" dirty="0">
                <a:solidFill>
                  <a:srgbClr val="008000"/>
                </a:solidFill>
              </a:rPr>
              <a:t>A</a:t>
            </a:r>
            <a:r>
              <a:rPr lang="en-GB" altLang="fr-FR" sz="4400" dirty="0"/>
              <a:t>ccelerator for </a:t>
            </a:r>
            <a:r>
              <a:rPr lang="en-GB" altLang="fr-FR" sz="4400" b="1" kern="0" dirty="0">
                <a:solidFill>
                  <a:srgbClr val="008000"/>
                </a:solidFill>
              </a:rPr>
              <a:t>R</a:t>
            </a:r>
            <a:r>
              <a:rPr lang="en-GB" altLang="fr-FR" sz="4400" dirty="0"/>
              <a:t>esearch in </a:t>
            </a:r>
            <a:r>
              <a:rPr lang="en-GB" altLang="fr-FR" sz="4400" b="1" kern="0" dirty="0">
                <a:solidFill>
                  <a:srgbClr val="008000"/>
                </a:solidFill>
              </a:rPr>
              <a:t>R</a:t>
            </a:r>
            <a:r>
              <a:rPr lang="en-GB" altLang="fr-FR" sz="4400" dirty="0"/>
              <a:t>adiochemistry and </a:t>
            </a:r>
            <a:r>
              <a:rPr lang="en-GB" altLang="fr-FR" sz="4400" b="1" kern="0" dirty="0">
                <a:solidFill>
                  <a:srgbClr val="008000"/>
                </a:solidFill>
              </a:rPr>
              <a:t>O</a:t>
            </a:r>
            <a:r>
              <a:rPr lang="en-GB" altLang="fr-FR" sz="4400" dirty="0"/>
              <a:t>ncology at </a:t>
            </a:r>
            <a:r>
              <a:rPr lang="en-GB" altLang="fr-FR" sz="4400" b="1" kern="0" dirty="0">
                <a:solidFill>
                  <a:srgbClr val="008000"/>
                </a:solidFill>
              </a:rPr>
              <a:t>N</a:t>
            </a:r>
            <a:r>
              <a:rPr lang="en-GB" altLang="fr-FR" sz="4400" dirty="0"/>
              <a:t>antes </a:t>
            </a:r>
            <a:r>
              <a:rPr lang="en-GB" altLang="fr-FR" sz="4400" b="1" kern="0" dirty="0" err="1">
                <a:solidFill>
                  <a:srgbClr val="008000"/>
                </a:solidFill>
              </a:rPr>
              <a:t>A</a:t>
            </a:r>
            <a:r>
              <a:rPr lang="en-GB" altLang="fr-FR" sz="4400" dirty="0" err="1"/>
              <a:t>tlanti</a:t>
            </a:r>
            <a:r>
              <a:rPr lang="en-GB" altLang="fr-FR" sz="4400" b="1" kern="0" dirty="0" err="1">
                <a:solidFill>
                  <a:srgbClr val="008000"/>
                </a:solidFill>
              </a:rPr>
              <a:t>X</a:t>
            </a:r>
            <a:br>
              <a:rPr lang="fr-FR" dirty="0">
                <a:effectLst/>
              </a:rPr>
            </a:br>
            <a:br>
              <a:rPr lang="fr-FR" dirty="0">
                <a:effectLst/>
              </a:rPr>
            </a:br>
            <a:r>
              <a:rPr lang="fr-FR" sz="2800" dirty="0"/>
              <a:t>F. Haddad</a:t>
            </a:r>
            <a:br>
              <a:rPr lang="fr-FR" sz="2800" dirty="0"/>
            </a:br>
            <a:r>
              <a:rPr lang="fr-FR" sz="2800" dirty="0"/>
              <a:t>Prof. Nantes Université</a:t>
            </a:r>
            <a:br>
              <a:rPr lang="fr-FR" sz="2800" dirty="0"/>
            </a:br>
            <a:r>
              <a:rPr lang="fr-FR" sz="2800" dirty="0"/>
              <a:t>GIP Arronax / </a:t>
            </a:r>
            <a:r>
              <a:rPr lang="fr-FR" sz="2800" dirty="0" err="1"/>
              <a:t>Subatech</a:t>
            </a:r>
            <a:br>
              <a:rPr lang="fr-FR" dirty="0">
                <a:effectLst/>
              </a:rPr>
            </a:br>
            <a:endParaRPr lang="fr-FR" dirty="0"/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17455431-4BB2-453B-8394-6383D370BF5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93059" y="4987926"/>
            <a:ext cx="2168322" cy="14094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738985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058" name="Rectangle 6"/>
          <p:cNvSpPr>
            <a:spLocks noChangeArrowheads="1"/>
          </p:cNvSpPr>
          <p:nvPr/>
        </p:nvSpPr>
        <p:spPr bwMode="auto">
          <a:xfrm>
            <a:off x="1524000" y="609567"/>
            <a:ext cx="8839200" cy="5841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algn="ctr" eaLnBrk="1" hangingPunct="1">
              <a:buClrTx/>
              <a:buFontTx/>
              <a:buNone/>
            </a:pPr>
            <a:endParaRPr kumimoji="0" lang="en-GB" altLang="fr-FR" sz="2000" dirty="0">
              <a:solidFill>
                <a:schemeClr val="accent2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</p:txBody>
      </p:sp>
      <p:sp>
        <p:nvSpPr>
          <p:cNvPr id="14340" name="Rectangle 7"/>
          <p:cNvSpPr>
            <a:spLocks noChangeArrowheads="1"/>
          </p:cNvSpPr>
          <p:nvPr/>
        </p:nvSpPr>
        <p:spPr bwMode="auto">
          <a:xfrm>
            <a:off x="0" y="19051"/>
            <a:ext cx="12192000" cy="787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342891" indent="-342891" algn="ctr">
              <a:defRPr/>
            </a:pPr>
            <a:r>
              <a:rPr kumimoji="1" lang="en-GB" sz="3200" b="1" dirty="0">
                <a:solidFill>
                  <a:srgbClr val="008000"/>
                </a:solidFill>
                <a:ea typeface="+mj-ea"/>
                <a:cs typeface="Times New Roman" panose="02020603050405020304" pitchFamily="18" charset="0"/>
              </a:rPr>
              <a:t>ARRONAX: </a:t>
            </a:r>
            <a:r>
              <a:rPr lang="en-GB" altLang="fr-FR" sz="3200" b="1" kern="0" dirty="0">
                <a:solidFill>
                  <a:srgbClr val="008000"/>
                </a:solidFill>
              </a:rPr>
              <a:t>A</a:t>
            </a:r>
            <a:r>
              <a:rPr lang="en-GB" altLang="fr-FR" sz="3200" dirty="0"/>
              <a:t>ccelerator for </a:t>
            </a:r>
            <a:r>
              <a:rPr lang="en-GB" altLang="fr-FR" sz="3200" b="1" kern="0" dirty="0">
                <a:solidFill>
                  <a:srgbClr val="008000"/>
                </a:solidFill>
              </a:rPr>
              <a:t>R</a:t>
            </a:r>
            <a:r>
              <a:rPr lang="en-GB" altLang="fr-FR" sz="3200" dirty="0"/>
              <a:t>esearch in </a:t>
            </a:r>
            <a:r>
              <a:rPr lang="en-GB" altLang="fr-FR" sz="3200" b="1" kern="0" dirty="0">
                <a:solidFill>
                  <a:srgbClr val="008000"/>
                </a:solidFill>
              </a:rPr>
              <a:t>R</a:t>
            </a:r>
            <a:r>
              <a:rPr lang="en-GB" altLang="fr-FR" sz="3200" dirty="0"/>
              <a:t>adiochemistry and </a:t>
            </a:r>
            <a:r>
              <a:rPr lang="en-GB" altLang="fr-FR" sz="3200" b="1" kern="0" dirty="0">
                <a:solidFill>
                  <a:srgbClr val="008000"/>
                </a:solidFill>
              </a:rPr>
              <a:t>O</a:t>
            </a:r>
            <a:r>
              <a:rPr lang="en-GB" altLang="fr-FR" sz="3200" dirty="0"/>
              <a:t>ncology at </a:t>
            </a:r>
            <a:r>
              <a:rPr lang="en-GB" altLang="fr-FR" sz="3200" b="1" kern="0" dirty="0">
                <a:solidFill>
                  <a:srgbClr val="008000"/>
                </a:solidFill>
              </a:rPr>
              <a:t>N</a:t>
            </a:r>
            <a:r>
              <a:rPr lang="en-GB" altLang="fr-FR" sz="3200" dirty="0"/>
              <a:t>antes </a:t>
            </a:r>
            <a:r>
              <a:rPr lang="en-GB" altLang="fr-FR" sz="3200" b="1" kern="0" dirty="0" err="1">
                <a:solidFill>
                  <a:srgbClr val="008000"/>
                </a:solidFill>
              </a:rPr>
              <a:t>A</a:t>
            </a:r>
            <a:r>
              <a:rPr lang="en-GB" altLang="fr-FR" sz="3200" dirty="0" err="1"/>
              <a:t>tlanti</a:t>
            </a:r>
            <a:r>
              <a:rPr lang="en-GB" altLang="fr-FR" sz="3200" b="1" kern="0" dirty="0" err="1">
                <a:solidFill>
                  <a:srgbClr val="008000"/>
                </a:solidFill>
              </a:rPr>
              <a:t>X</a:t>
            </a:r>
            <a:endParaRPr kumimoji="0" lang="en-GB" altLang="fr-FR" sz="3200" dirty="0">
              <a:solidFill>
                <a:schemeClr val="accent2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marL="342891" indent="-342891" algn="ctr">
              <a:defRPr/>
            </a:pPr>
            <a:endParaRPr kumimoji="1" lang="en-GB" sz="3200" b="1" dirty="0">
              <a:solidFill>
                <a:srgbClr val="008000"/>
              </a:solidFill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349192" name="Text Box 8"/>
          <p:cNvSpPr txBox="1">
            <a:spLocks noChangeArrowheads="1"/>
          </p:cNvSpPr>
          <p:nvPr/>
        </p:nvSpPr>
        <p:spPr bwMode="auto">
          <a:xfrm>
            <a:off x="4957011" y="1276284"/>
            <a:ext cx="6651055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eaLnBrk="1" hangingPunct="1">
              <a:spcBef>
                <a:spcPct val="0"/>
              </a:spcBef>
              <a:buClrTx/>
              <a:buFontTx/>
              <a:buNone/>
            </a:pPr>
            <a:r>
              <a:rPr kumimoji="0" lang="en-GB" altLang="fr-FR" sz="20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3 main fields of investigations :</a:t>
            </a: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endParaRPr kumimoji="0" lang="en-GB" altLang="fr-FR" sz="2000" dirty="0"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r>
              <a:rPr kumimoji="0" lang="en-GB" altLang="fr-FR" sz="20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adionuclides</a:t>
            </a:r>
            <a:r>
              <a:rPr kumimoji="0" lang="en-GB" altLang="fr-FR" sz="20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and</a:t>
            </a:r>
            <a:r>
              <a:rPr kumimoji="0" lang="en-GB" altLang="fr-FR" sz="20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radiopharmaceuticals production </a:t>
            </a:r>
            <a:r>
              <a:rPr kumimoji="0" lang="en-GB" altLang="fr-FR" sz="2000" dirty="0">
                <a:solidFill>
                  <a:schemeClr val="tx2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for nuclear medicine </a:t>
            </a: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endParaRPr kumimoji="0" lang="en-GB" altLang="fr-FR" sz="2000" dirty="0">
              <a:solidFill>
                <a:srgbClr val="FF0000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r>
              <a:rPr kumimoji="0" lang="en-GB" altLang="fr-FR" sz="20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esearch in related fields using our beams: </a:t>
            </a:r>
            <a:r>
              <a:rPr kumimoji="0" lang="en-GB" altLang="fr-FR" sz="20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adiolysis, Radiobiology, nuclear physics, …</a:t>
            </a: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endParaRPr kumimoji="0" lang="en-GB" altLang="fr-FR" sz="2000" dirty="0">
              <a:solidFill>
                <a:srgbClr val="FF0000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eaLnBrk="1" hangingPunct="1">
              <a:spcBef>
                <a:spcPct val="0"/>
              </a:spcBef>
              <a:buClrTx/>
              <a:buFontTx/>
              <a:buNone/>
            </a:pPr>
            <a:r>
              <a:rPr kumimoji="0" lang="en-GB" altLang="fr-FR" sz="20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Training of students</a:t>
            </a:r>
            <a:r>
              <a:rPr kumimoji="0" lang="en-GB" altLang="fr-FR" sz="20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</a:t>
            </a:r>
          </a:p>
        </p:txBody>
      </p:sp>
      <p:pic>
        <p:nvPicPr>
          <p:cNvPr id="45061" name="Picture 2" descr="Z:\Photos Arronax\Vue Grand angle\DSC_0147_2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73" t="20233" r="14865" b="6384"/>
          <a:stretch>
            <a:fillRect/>
          </a:stretch>
        </p:blipFill>
        <p:spPr bwMode="auto">
          <a:xfrm>
            <a:off x="371714" y="1222393"/>
            <a:ext cx="4113527" cy="33312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C7B2F917-4347-4CB8-87A8-80C490E17AAE}"/>
              </a:ext>
            </a:extLst>
          </p:cNvPr>
          <p:cNvSpPr txBox="1"/>
          <p:nvPr/>
        </p:nvSpPr>
        <p:spPr>
          <a:xfrm>
            <a:off x="2551080" y="4572835"/>
            <a:ext cx="5985932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Creation date 2008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First beams  (Jan. 2011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2 cyclotrons (C70XP and </a:t>
            </a:r>
            <a:r>
              <a:rPr lang="en-GB" sz="2000" dirty="0" err="1">
                <a:latin typeface="Times" panose="02020603050405020304" pitchFamily="18" charset="0"/>
                <a:cs typeface="Times" panose="02020603050405020304" pitchFamily="18" charset="0"/>
              </a:rPr>
              <a:t>Kiube</a:t>
            </a: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 180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1 </a:t>
            </a:r>
            <a:r>
              <a:rPr lang="en-GB" sz="2000" dirty="0" err="1">
                <a:latin typeface="Times" panose="02020603050405020304" pitchFamily="18" charset="0"/>
                <a:cs typeface="Times" panose="02020603050405020304" pitchFamily="18" charset="0"/>
              </a:rPr>
              <a:t>radiopharmacy</a:t>
            </a: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 (2018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60 workers (including </a:t>
            </a:r>
            <a:r>
              <a:rPr lang="en-GB" sz="2000" dirty="0" err="1">
                <a:latin typeface="Times" panose="02020603050405020304" pitchFamily="18" charset="0"/>
                <a:cs typeface="Times" panose="02020603050405020304" pitchFamily="18" charset="0"/>
              </a:rPr>
              <a:t>Phd</a:t>
            </a: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 students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ISO 9001 certify since 2014</a:t>
            </a:r>
            <a:endParaRPr lang="en-GB" sz="2000" dirty="0">
              <a:latin typeface="Times" panose="02020603050405020304" pitchFamily="18" charset="0"/>
              <a:cs typeface="Times" panose="02020603050405020304" pitchFamily="18" charset="0"/>
            </a:endParaRPr>
          </a:p>
        </p:txBody>
      </p:sp>
      <p:sp>
        <p:nvSpPr>
          <p:cNvPr id="4" name="ZoneTexte 3">
            <a:extLst>
              <a:ext uri="{FF2B5EF4-FFF2-40B4-BE49-F238E27FC236}">
                <a16:creationId xmlns:a16="http://schemas.microsoft.com/office/drawing/2014/main" id="{3C497178-171F-44DC-BC9E-1271E2E13BFC}"/>
              </a:ext>
            </a:extLst>
          </p:cNvPr>
          <p:cNvSpPr txBox="1"/>
          <p:nvPr/>
        </p:nvSpPr>
        <p:spPr>
          <a:xfrm>
            <a:off x="1008157" y="5450941"/>
            <a:ext cx="15429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Key numbers :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28A7C876-3408-4C4E-84A6-7268EA68E1A8}"/>
              </a:ext>
            </a:extLst>
          </p:cNvPr>
          <p:cNvGrpSpPr/>
          <p:nvPr/>
        </p:nvGrpSpPr>
        <p:grpSpPr>
          <a:xfrm>
            <a:off x="3220986" y="3139771"/>
            <a:ext cx="1976656" cy="1381944"/>
            <a:chOff x="7645400" y="5010774"/>
            <a:chExt cx="1540934" cy="1132672"/>
          </a:xfrm>
        </p:grpSpPr>
        <p:pic>
          <p:nvPicPr>
            <p:cNvPr id="2" name="Image 1">
              <a:extLst>
                <a:ext uri="{FF2B5EF4-FFF2-40B4-BE49-F238E27FC236}">
                  <a16:creationId xmlns:a16="http://schemas.microsoft.com/office/drawing/2014/main" id="{66673432-D9AD-4E87-B7A8-38D9B46BB3E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660667" y="5019987"/>
              <a:ext cx="1316959" cy="1123459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A8FE751A-BA62-4BF6-99B9-D661B92294EB}"/>
                </a:ext>
              </a:extLst>
            </p:cNvPr>
            <p:cNvSpPr txBox="1"/>
            <p:nvPr/>
          </p:nvSpPr>
          <p:spPr>
            <a:xfrm>
              <a:off x="7645400" y="5010774"/>
              <a:ext cx="1540934" cy="24622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>
                <a:defRPr/>
              </a:pPr>
              <a:r>
                <a:rPr lang="en-GB" sz="1000" kern="0" dirty="0" err="1">
                  <a:cs typeface="Times New Roman" panose="02020603050405020304" pitchFamily="18" charset="0"/>
                </a:rPr>
                <a:t>Cyclone@Kiube</a:t>
              </a:r>
              <a:r>
                <a:rPr lang="en-GB" sz="1000" kern="0" dirty="0">
                  <a:cs typeface="Times New Roman" panose="02020603050405020304" pitchFamily="18" charset="0"/>
                </a:rPr>
                <a:t> 180 µA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3364262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4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32" name="Rectangle 2"/>
          <p:cNvSpPr>
            <a:spLocks noChangeArrowheads="1"/>
          </p:cNvSpPr>
          <p:nvPr/>
        </p:nvSpPr>
        <p:spPr bwMode="auto">
          <a:xfrm>
            <a:off x="1524001" y="2174877"/>
            <a:ext cx="8858251" cy="792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/>
          <a:lstStyle>
            <a:lvl1pPr marL="334963" indent="-334963" defTabSz="449263" eaLnBrk="0" hangingPunct="0">
              <a:spcBef>
                <a:spcPct val="20000"/>
              </a:spcBef>
              <a:spcAft>
                <a:spcPct val="20000"/>
              </a:spcAft>
              <a:buChar char="•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20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defTabSz="449263" eaLnBrk="0" hangingPunct="0">
              <a:spcBef>
                <a:spcPct val="20000"/>
              </a:spcBef>
              <a:buChar char="–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defTabSz="449263" eaLnBrk="0" hangingPunct="0">
              <a:spcBef>
                <a:spcPct val="20000"/>
              </a:spcBef>
              <a:buChar char="•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6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defTabSz="449263" eaLnBrk="0" hangingPunct="0">
              <a:spcBef>
                <a:spcPct val="20000"/>
              </a:spcBef>
              <a:buChar char="–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defTabSz="449263" eaLnBrk="0" hangingPunct="0">
              <a:spcBef>
                <a:spcPct val="20000"/>
              </a:spcBef>
              <a:buChar char="»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449263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449263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449263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449263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334963" algn="l"/>
                <a:tab pos="439738" algn="l"/>
                <a:tab pos="889000" algn="l"/>
                <a:tab pos="1338263" algn="l"/>
                <a:tab pos="1787525" algn="l"/>
                <a:tab pos="2236788" algn="l"/>
                <a:tab pos="2686050" algn="l"/>
                <a:tab pos="3135313" algn="l"/>
                <a:tab pos="3584575" algn="l"/>
                <a:tab pos="4033838" algn="l"/>
                <a:tab pos="4483100" algn="l"/>
                <a:tab pos="4932363" algn="l"/>
                <a:tab pos="5381625" algn="l"/>
                <a:tab pos="5830888" algn="l"/>
                <a:tab pos="6280150" algn="l"/>
                <a:tab pos="6729413" algn="l"/>
                <a:tab pos="7178675" algn="l"/>
                <a:tab pos="7627938" algn="l"/>
                <a:tab pos="8077200" algn="l"/>
                <a:tab pos="8526463" algn="l"/>
                <a:tab pos="8975725" algn="l"/>
              </a:tabLst>
              <a:defRPr sz="14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just" eaLnBrk="1" hangingPunct="1">
              <a:buFontTx/>
              <a:buNone/>
            </a:pPr>
            <a:endParaRPr lang="en-GB" altLang="fr-FR" dirty="0"/>
          </a:p>
        </p:txBody>
      </p:sp>
      <p:sp>
        <p:nvSpPr>
          <p:cNvPr id="6" name="Rectangle 7"/>
          <p:cNvSpPr>
            <a:spLocks noChangeArrowheads="1"/>
          </p:cNvSpPr>
          <p:nvPr/>
        </p:nvSpPr>
        <p:spPr bwMode="auto">
          <a:xfrm>
            <a:off x="1524000" y="19051"/>
            <a:ext cx="9144000" cy="787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>
              <a:lnSpc>
                <a:spcPct val="90000"/>
              </a:lnSpc>
              <a:spcBef>
                <a:spcPct val="0"/>
              </a:spcBef>
              <a:defRPr/>
            </a:pPr>
            <a:r>
              <a:rPr kumimoji="1" lang="en-GB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ARRONAX beam characteristics</a:t>
            </a:r>
            <a:endParaRPr kumimoji="1" lang="en-GB" altLang="fr-FR" sz="2800" dirty="0">
              <a:solidFill>
                <a:srgbClr val="0070C0"/>
              </a:solidFill>
              <a:latin typeface="Times New Roman" panose="02020603050405020304" pitchFamily="18" charset="0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58E514DD-DE93-49CF-906A-97FB5CF6D9CF}"/>
              </a:ext>
            </a:extLst>
          </p:cNvPr>
          <p:cNvSpPr txBox="1"/>
          <p:nvPr/>
        </p:nvSpPr>
        <p:spPr>
          <a:xfrm>
            <a:off x="169333" y="803050"/>
            <a:ext cx="1183639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With our cyclotrons with have access to a wide range of projectiles and beam energies at high intensity: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C74DD62F-B7B9-490D-916F-145D8BF21355}"/>
              </a:ext>
            </a:extLst>
          </p:cNvPr>
          <p:cNvSpPr txBox="1"/>
          <p:nvPr/>
        </p:nvSpPr>
        <p:spPr>
          <a:xfrm>
            <a:off x="5109592" y="4092559"/>
            <a:ext cx="518456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70 MeV proton beam: Sr-82</a:t>
            </a:r>
          </a:p>
          <a:p>
            <a:r>
              <a:rPr lang="en-GB" dirty="0"/>
              <a:t>30 MeV proton beam: Ti-44</a:t>
            </a:r>
          </a:p>
          <a:p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16 MeV deuteron beam : Cu-64, Hg197m</a:t>
            </a:r>
          </a:p>
          <a:p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26 MeV deuteron beam : Cu-67</a:t>
            </a:r>
          </a:p>
          <a:p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31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ev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deuteron beam: Pb-203</a:t>
            </a:r>
          </a:p>
          <a:p>
            <a:r>
              <a:rPr lang="en-GB" dirty="0">
                <a:solidFill>
                  <a:srgbClr val="C00000"/>
                </a:solidFill>
              </a:rPr>
              <a:t>68 MeV alpha beam: At-211, Ru-97</a:t>
            </a:r>
          </a:p>
          <a:p>
            <a:r>
              <a:rPr lang="en-GB" dirty="0">
                <a:solidFill>
                  <a:schemeClr val="accent1"/>
                </a:solidFill>
              </a:rPr>
              <a:t>18 MeV proton beam: F-18 (made by CPF - curium)</a:t>
            </a:r>
          </a:p>
          <a:p>
            <a:r>
              <a:rPr lang="en-GB" dirty="0">
                <a:solidFill>
                  <a:schemeClr val="accent1"/>
                </a:solidFill>
              </a:rPr>
              <a:t>16 MeV proton beam: Cu-64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2911AF03-7F87-4DB0-B35F-8A9CCBA1C05E}"/>
              </a:ext>
            </a:extLst>
          </p:cNvPr>
          <p:cNvSpPr txBox="1"/>
          <p:nvPr/>
        </p:nvSpPr>
        <p:spPr>
          <a:xfrm>
            <a:off x="262466" y="4836480"/>
            <a:ext cx="466948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We are taking advantage of all beams available :</a:t>
            </a:r>
          </a:p>
        </p:txBody>
      </p:sp>
      <p:sp>
        <p:nvSpPr>
          <p:cNvPr id="3" name="Accolade ouvrante 2">
            <a:extLst>
              <a:ext uri="{FF2B5EF4-FFF2-40B4-BE49-F238E27FC236}">
                <a16:creationId xmlns:a16="http://schemas.microsoft.com/office/drawing/2014/main" id="{0C072211-2042-4FBC-8B54-04CF5C9C3A5B}"/>
              </a:ext>
            </a:extLst>
          </p:cNvPr>
          <p:cNvSpPr/>
          <p:nvPr/>
        </p:nvSpPr>
        <p:spPr>
          <a:xfrm>
            <a:off x="4931950" y="4202627"/>
            <a:ext cx="177642" cy="2031325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aphicFrame>
        <p:nvGraphicFramePr>
          <p:cNvPr id="9" name="Group 65">
            <a:extLst>
              <a:ext uri="{FF2B5EF4-FFF2-40B4-BE49-F238E27FC236}">
                <a16:creationId xmlns:a16="http://schemas.microsoft.com/office/drawing/2014/main" id="{4F56FB5E-DD0D-48DE-98D7-D13CAB052B6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69935891"/>
              </p:ext>
            </p:extLst>
          </p:nvPr>
        </p:nvGraphicFramePr>
        <p:xfrm>
          <a:off x="1501611" y="1414477"/>
          <a:ext cx="9567442" cy="2487168"/>
        </p:xfrm>
        <a:graphic>
          <a:graphicData uri="http://schemas.openxmlformats.org/drawingml/2006/table">
            <a:tbl>
              <a:tblPr/>
              <a:tblGrid>
                <a:gridCol w="888908">
                  <a:extLst>
                    <a:ext uri="{9D8B030D-6E8A-4147-A177-3AD203B41FA5}">
                      <a16:colId xmlns:a16="http://schemas.microsoft.com/office/drawing/2014/main" val="1381849714"/>
                    </a:ext>
                  </a:extLst>
                </a:gridCol>
                <a:gridCol w="1349548">
                  <a:extLst>
                    <a:ext uri="{9D8B030D-6E8A-4147-A177-3AD203B41FA5}">
                      <a16:colId xmlns:a16="http://schemas.microsoft.com/office/drawing/2014/main" val="3171688915"/>
                    </a:ext>
                  </a:extLst>
                </a:gridCol>
                <a:gridCol w="1720923">
                  <a:extLst>
                    <a:ext uri="{9D8B030D-6E8A-4147-A177-3AD203B41FA5}">
                      <a16:colId xmlns:a16="http://schemas.microsoft.com/office/drawing/2014/main" val="1084354280"/>
                    </a:ext>
                  </a:extLst>
                </a:gridCol>
                <a:gridCol w="1792906">
                  <a:extLst>
                    <a:ext uri="{9D8B030D-6E8A-4147-A177-3AD203B41FA5}">
                      <a16:colId xmlns:a16="http://schemas.microsoft.com/office/drawing/2014/main" val="4028823765"/>
                    </a:ext>
                  </a:extLst>
                </a:gridCol>
                <a:gridCol w="1347608">
                  <a:extLst>
                    <a:ext uri="{9D8B030D-6E8A-4147-A177-3AD203B41FA5}">
                      <a16:colId xmlns:a16="http://schemas.microsoft.com/office/drawing/2014/main" val="2578368326"/>
                    </a:ext>
                  </a:extLst>
                </a:gridCol>
                <a:gridCol w="1233775">
                  <a:extLst>
                    <a:ext uri="{9D8B030D-6E8A-4147-A177-3AD203B41FA5}">
                      <a16:colId xmlns:a16="http://schemas.microsoft.com/office/drawing/2014/main" val="3152862378"/>
                    </a:ext>
                  </a:extLst>
                </a:gridCol>
                <a:gridCol w="1233774">
                  <a:extLst>
                    <a:ext uri="{9D8B030D-6E8A-4147-A177-3AD203B41FA5}">
                      <a16:colId xmlns:a16="http://schemas.microsoft.com/office/drawing/2014/main" val="1577644802"/>
                    </a:ext>
                  </a:extLst>
                </a:gridCol>
              </a:tblGrid>
              <a:tr h="404378"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fr-FR" sz="16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ctr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fr-FR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rojectiles</a:t>
                      </a:r>
                      <a:endParaRPr kumimoji="0" lang="en-US" altLang="fr-FR" sz="16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fr-FR" altLang="fr-FR" sz="1600" b="1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articules accélérées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Energie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MeV)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ntensité (µA)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Modalités du </a:t>
                      </a:r>
                      <a:r>
                        <a:rPr kumimoji="0" lang="fr-FR" altLang="fr-FR" sz="1600" b="1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faisceau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Nombre de casemate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A6B6D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4236396"/>
                  </a:ext>
                </a:extLst>
              </a:tr>
              <a:tr h="212760">
                <a:tc rowSpan="4"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70XP</a:t>
                      </a:r>
                    </a:p>
                  </a:txBody>
                  <a:tcPr anchor="ctr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roton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H-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0-7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5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ual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76610848"/>
                  </a:ext>
                </a:extLst>
              </a:tr>
              <a:tr h="212760"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endParaRPr lang="fr-FR" sz="280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HH+</a:t>
                      </a:r>
                    </a:p>
                  </a:txBody>
                  <a:tcPr anchor="ctr" horzOverflow="overflow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5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mono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72209628"/>
                  </a:ext>
                </a:extLst>
              </a:tr>
              <a:tr h="212760">
                <a:tc vMerge="1"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fr-FR" sz="11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ctr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eutons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-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5-35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ual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89490072"/>
                  </a:ext>
                </a:extLst>
              </a:tr>
              <a:tr h="129540">
                <a:tc vMerge="1"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fr-FR" sz="11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anchor="ctr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lpha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He++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7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mono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>
                      <a:lvl1pPr>
                        <a:spcBef>
                          <a:spcPct val="20000"/>
                        </a:spcBef>
                        <a:defRPr sz="28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1pPr>
                      <a:lvl2pPr>
                        <a:spcBef>
                          <a:spcPct val="20000"/>
                        </a:spcBef>
                        <a:defRPr sz="24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2pPr>
                      <a:lvl3pPr>
                        <a:spcBef>
                          <a:spcPct val="20000"/>
                        </a:spcBef>
                        <a:defRPr sz="2000"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3pPr>
                      <a:lvl4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4pPr>
                      <a:lvl5pPr>
                        <a:spcBef>
                          <a:spcPct val="20000"/>
                        </a:spcBef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5pPr>
                      <a:lvl6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6pPr>
                      <a:lvl7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7pPr>
                      <a:lvl8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8pPr>
                      <a:lvl9pPr fontAlgn="base">
                        <a:spcBef>
                          <a:spcPct val="20000"/>
                        </a:spcBef>
                        <a:spcAft>
                          <a:spcPct val="0"/>
                        </a:spcAft>
                        <a:defRPr>
                          <a:solidFill>
                            <a:schemeClr val="tx1"/>
                          </a:solidFill>
                          <a:latin typeface="Arial" panose="020B0604020202020204" pitchFamily="34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36517546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K18</a:t>
                      </a:r>
                    </a:p>
                  </a:txBody>
                  <a:tcPr anchor="ctr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rotons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H-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8 MeV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80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ual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fr-FR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48424944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9397272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041EE83-618C-46F5-AF24-AE3CDF1280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24000" y="-9926"/>
            <a:ext cx="9144000" cy="941259"/>
          </a:xfrm>
        </p:spPr>
        <p:txBody>
          <a:bodyPr>
            <a:noAutofit/>
          </a:bodyPr>
          <a:lstStyle/>
          <a:p>
            <a:pPr algn="ctr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kumimoji="1" lang="en-GB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ARRONAX Facility</a:t>
            </a:r>
            <a:endParaRPr kumimoji="1" lang="en-GB" altLang="fr-FR" sz="2800" dirty="0">
              <a:solidFill>
                <a:srgbClr val="0070C0"/>
              </a:solidFill>
              <a:latin typeface="Times New Roman" panose="02020603050405020304" pitchFamily="18" charset="0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8" name="Espace réservé du contenu 7">
            <a:extLst>
              <a:ext uri="{FF2B5EF4-FFF2-40B4-BE49-F238E27FC236}">
                <a16:creationId xmlns:a16="http://schemas.microsoft.com/office/drawing/2014/main" id="{9E72E10E-5F09-4319-9D3B-1A7EDCB0FB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3933" y="832316"/>
            <a:ext cx="7890604" cy="3399958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2000" b="1" dirty="0">
                <a:latin typeface="Times" panose="02020603050405020304" pitchFamily="18" charset="0"/>
                <a:cs typeface="Times" panose="02020603050405020304" pitchFamily="18" charset="0"/>
              </a:rPr>
              <a:t>A versatile facility: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2000 m</a:t>
            </a:r>
            <a:r>
              <a:rPr lang="en-US" sz="2000" baseline="30000" dirty="0">
                <a:latin typeface="Times" panose="02020603050405020304" pitchFamily="18" charset="0"/>
                <a:cs typeface="Times" panose="02020603050405020304" pitchFamily="18" charset="0"/>
              </a:rPr>
              <a:t>2</a:t>
            </a:r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 of restricted area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2 cyclotrons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4 vaults for isotope production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1 vault with 3 beam line for research (2 horizontal and 1 vertical)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3 lines of hot cells for radionuclides production</a:t>
            </a:r>
          </a:p>
          <a:p>
            <a:pPr lvl="1"/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A </a:t>
            </a:r>
            <a:r>
              <a:rPr lang="en-US" sz="2000" dirty="0" err="1">
                <a:latin typeface="Times" panose="02020603050405020304" pitchFamily="18" charset="0"/>
                <a:cs typeface="Times" panose="02020603050405020304" pitchFamily="18" charset="0"/>
              </a:rPr>
              <a:t>radiopharmacy</a:t>
            </a:r>
            <a:r>
              <a:rPr lang="en-US" sz="2000" dirty="0">
                <a:latin typeface="Times" panose="02020603050405020304" pitchFamily="18" charset="0"/>
                <a:cs typeface="Times" panose="02020603050405020304" pitchFamily="18" charset="0"/>
              </a:rPr>
              <a:t> with 3 lines of hot cells for sterile radiopharmaceuticals production </a:t>
            </a:r>
          </a:p>
        </p:txBody>
      </p:sp>
      <p:pic>
        <p:nvPicPr>
          <p:cNvPr id="22" name="Image 21">
            <a:extLst>
              <a:ext uri="{FF2B5EF4-FFF2-40B4-BE49-F238E27FC236}">
                <a16:creationId xmlns:a16="http://schemas.microsoft.com/office/drawing/2014/main" id="{1B444486-F5A5-4E83-ABD0-0A1040ABCBE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239770" y="930274"/>
            <a:ext cx="3411182" cy="2455864"/>
          </a:xfrm>
          <a:prstGeom prst="rect">
            <a:avLst/>
          </a:prstGeom>
        </p:spPr>
      </p:pic>
      <p:pic>
        <p:nvPicPr>
          <p:cNvPr id="23" name="Image 22" descr="IMG_0431.JPG">
            <a:extLst>
              <a:ext uri="{FF2B5EF4-FFF2-40B4-BE49-F238E27FC236}">
                <a16:creationId xmlns:a16="http://schemas.microsoft.com/office/drawing/2014/main" id="{0C98FAF5-45CF-492A-A9F8-9401E470B76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029" y="3823358"/>
            <a:ext cx="2184444" cy="13330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5" name="Image 24">
            <a:extLst>
              <a:ext uri="{FF2B5EF4-FFF2-40B4-BE49-F238E27FC236}">
                <a16:creationId xmlns:a16="http://schemas.microsoft.com/office/drawing/2014/main" id="{070124DC-8F49-48D1-ABCD-097A5F44B40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9774" y="4580240"/>
            <a:ext cx="418915" cy="494276"/>
          </a:xfrm>
          <a:prstGeom prst="rect">
            <a:avLst/>
          </a:prstGeom>
        </p:spPr>
      </p:pic>
      <p:pic>
        <p:nvPicPr>
          <p:cNvPr id="26" name="Image 25">
            <a:extLst>
              <a:ext uri="{FF2B5EF4-FFF2-40B4-BE49-F238E27FC236}">
                <a16:creationId xmlns:a16="http://schemas.microsoft.com/office/drawing/2014/main" id="{0B8BA111-FCEB-4F70-AF46-DB70E5A8C52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24057" y="5074516"/>
            <a:ext cx="1524632" cy="1143475"/>
          </a:xfrm>
          <a:prstGeom prst="rect">
            <a:avLst/>
          </a:prstGeom>
        </p:spPr>
      </p:pic>
      <p:pic>
        <p:nvPicPr>
          <p:cNvPr id="27" name="Image 26">
            <a:extLst>
              <a:ext uri="{FF2B5EF4-FFF2-40B4-BE49-F238E27FC236}">
                <a16:creationId xmlns:a16="http://schemas.microsoft.com/office/drawing/2014/main" id="{7DFDF3C0-985A-4922-AC6A-59F976E67F86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489" b="33177"/>
          <a:stretch/>
        </p:blipFill>
        <p:spPr>
          <a:xfrm>
            <a:off x="1781409" y="4855695"/>
            <a:ext cx="1006064" cy="315628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BD114B30-1145-4F8B-913D-82C3C9B5BDDC}"/>
              </a:ext>
            </a:extLst>
          </p:cNvPr>
          <p:cNvSpPr/>
          <p:nvPr/>
        </p:nvSpPr>
        <p:spPr>
          <a:xfrm>
            <a:off x="5367866" y="4197901"/>
            <a:ext cx="6587067" cy="1631216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GB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everal clinical trials performed using </a:t>
            </a:r>
            <a:r>
              <a:rPr lang="en-GB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c-225, Lu-177 </a:t>
            </a:r>
            <a:r>
              <a:rPr lang="en-GB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 </a:t>
            </a:r>
            <a:r>
              <a:rPr lang="en-GB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u-64 </a:t>
            </a:r>
            <a:r>
              <a:rPr lang="en-GB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and soon new ones with At-211 (IMPD approved by ANSM – bladder cancer).</a:t>
            </a:r>
          </a:p>
          <a:p>
            <a:endParaRPr lang="en-GB" sz="2000" dirty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GB" sz="2000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200</a:t>
            </a:r>
            <a:r>
              <a:rPr lang="en-GB" sz="2000" baseline="30000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</a:t>
            </a:r>
            <a:r>
              <a:rPr lang="en-GB" sz="2000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clinical dose produced on October 10</a:t>
            </a:r>
            <a:r>
              <a:rPr lang="en-GB" sz="2000" baseline="30000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</a:t>
            </a:r>
          </a:p>
        </p:txBody>
      </p:sp>
    </p:spTree>
    <p:extLst>
      <p:ext uri="{BB962C8B-B14F-4D97-AF65-F5344CB8AC3E}">
        <p14:creationId xmlns:p14="http://schemas.microsoft.com/office/powerpoint/2010/main" val="48255337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041EE83-618C-46F5-AF24-AE3CDF1280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24000" y="-9926"/>
            <a:ext cx="9144000" cy="941259"/>
          </a:xfrm>
        </p:spPr>
        <p:txBody>
          <a:bodyPr>
            <a:noAutofit/>
          </a:bodyPr>
          <a:lstStyle/>
          <a:p>
            <a:pPr algn="ctr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kumimoji="1" lang="en-GB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ARRONAX beam characteristics</a:t>
            </a:r>
            <a:endParaRPr kumimoji="1" lang="en-GB" altLang="fr-FR" sz="2800" dirty="0">
              <a:solidFill>
                <a:srgbClr val="0070C0"/>
              </a:solidFill>
              <a:latin typeface="Times New Roman" panose="02020603050405020304" pitchFamily="18" charset="0"/>
              <a:ea typeface="+mj-ea"/>
              <a:cs typeface="Times New Roman" panose="02020603050405020304" pitchFamily="18" charset="0"/>
            </a:endParaRP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D10C8419-9EC8-6528-857F-BCF7E39B57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11137" y="1010879"/>
            <a:ext cx="2857500" cy="2143125"/>
          </a:xfrm>
          <a:prstGeom prst="rect">
            <a:avLst/>
          </a:prstGeom>
        </p:spPr>
      </p:pic>
      <p:sp>
        <p:nvSpPr>
          <p:cNvPr id="6" name="Rectangle 40">
            <a:extLst>
              <a:ext uri="{FF2B5EF4-FFF2-40B4-BE49-F238E27FC236}">
                <a16:creationId xmlns:a16="http://schemas.microsoft.com/office/drawing/2014/main" id="{BF3B36BB-817A-476F-BEEB-156783225404}"/>
              </a:ext>
            </a:extLst>
          </p:cNvPr>
          <p:cNvSpPr>
            <a:spLocks noChangeArrowheads="1"/>
          </p:cNvSpPr>
          <p:nvPr/>
        </p:nvSpPr>
        <p:spPr bwMode="auto">
          <a:xfrm>
            <a:off x="143933" y="906322"/>
            <a:ext cx="8853478" cy="193899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spcAft>
                <a:spcPct val="20000"/>
              </a:spcAft>
              <a:buChar char="•"/>
              <a:defRPr sz="2000">
                <a:solidFill>
                  <a:schemeClr val="tx1"/>
                </a:solidFill>
                <a:latin typeface="Arial" pitchFamily="34" charset="0"/>
              </a:defRPr>
            </a:lvl1pPr>
            <a:lvl2pPr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4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4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eaLnBrk="1" hangingPunct="1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fr-FR" b="1" dirty="0">
                <a:latin typeface="Times" panose="02020603050405020304" pitchFamily="18" charset="0"/>
                <a:cs typeface="Times" panose="02020603050405020304" pitchFamily="18" charset="0"/>
              </a:rPr>
              <a:t>Main characteristics of the C70XP: </a:t>
            </a:r>
            <a:endParaRPr lang="en-US" altLang="fr-FR" b="1" dirty="0">
              <a:solidFill>
                <a:srgbClr val="CC0099"/>
              </a:solidFill>
              <a:latin typeface="Times" panose="02020603050405020304" pitchFamily="18" charset="0"/>
              <a:cs typeface="Times" panose="02020603050405020304" pitchFamily="18" charset="0"/>
            </a:endParaRPr>
          </a:p>
          <a:p>
            <a:pPr lvl="1" eaLnBrk="1" hangingPunct="1">
              <a:spcBef>
                <a:spcPct val="0"/>
              </a:spcBef>
              <a:buFontTx/>
              <a:buNone/>
            </a:pPr>
            <a:r>
              <a:rPr lang="en-US" altLang="fr-FR" sz="2000" b="1" dirty="0">
                <a:solidFill>
                  <a:srgbClr val="CC0099"/>
                </a:solidFill>
                <a:latin typeface="Times" panose="02020603050405020304" pitchFamily="18" charset="0"/>
                <a:cs typeface="Times" panose="02020603050405020304" pitchFamily="18" charset="0"/>
              </a:rPr>
              <a:t>Multi-particle</a:t>
            </a:r>
            <a:endParaRPr lang="en-US" altLang="fr-FR" sz="2000" b="1" dirty="0">
              <a:solidFill>
                <a:srgbClr val="FB1111"/>
              </a:solidFill>
              <a:latin typeface="Times" panose="02020603050405020304" pitchFamily="18" charset="0"/>
              <a:cs typeface="Times" panose="02020603050405020304" pitchFamily="18" charset="0"/>
            </a:endParaRPr>
          </a:p>
          <a:p>
            <a:pPr lvl="1" eaLnBrk="1" hangingPunct="1">
              <a:spcBef>
                <a:spcPct val="0"/>
              </a:spcBef>
              <a:buFontTx/>
              <a:buNone/>
            </a:pPr>
            <a:r>
              <a:rPr lang="en-US" altLang="fr-FR" sz="2000" b="1" dirty="0">
                <a:solidFill>
                  <a:srgbClr val="FB1111"/>
                </a:solidFill>
                <a:latin typeface="Times" panose="02020603050405020304" pitchFamily="18" charset="0"/>
                <a:cs typeface="Times" panose="02020603050405020304" pitchFamily="18" charset="0"/>
              </a:rPr>
              <a:t>High energy </a:t>
            </a:r>
          </a:p>
          <a:p>
            <a:pPr lvl="1" eaLnBrk="1" hangingPunct="1">
              <a:spcBef>
                <a:spcPct val="0"/>
              </a:spcBef>
              <a:buFontTx/>
              <a:buNone/>
            </a:pPr>
            <a:endParaRPr lang="en-US" altLang="fr-FR" sz="2000" b="1" dirty="0">
              <a:solidFill>
                <a:schemeClr val="accent2"/>
              </a:solidFill>
              <a:latin typeface="Times" panose="02020603050405020304" pitchFamily="18" charset="0"/>
              <a:cs typeface="Times" panose="02020603050405020304" pitchFamily="18" charset="0"/>
            </a:endParaRPr>
          </a:p>
          <a:p>
            <a:pPr lvl="1" eaLnBrk="1" hangingPunct="1">
              <a:spcBef>
                <a:spcPct val="0"/>
              </a:spcBef>
              <a:buFontTx/>
              <a:buNone/>
            </a:pPr>
            <a:endParaRPr lang="en-US" altLang="fr-FR" sz="2000" b="1" dirty="0">
              <a:solidFill>
                <a:schemeClr val="accent2"/>
              </a:solidFill>
              <a:latin typeface="Times" panose="02020603050405020304" pitchFamily="18" charset="0"/>
              <a:cs typeface="Times" panose="02020603050405020304" pitchFamily="18" charset="0"/>
            </a:endParaRPr>
          </a:p>
          <a:p>
            <a:pPr lvl="1" eaLnBrk="1" hangingPunct="1">
              <a:spcBef>
                <a:spcPct val="0"/>
              </a:spcBef>
              <a:buFontTx/>
              <a:buNone/>
            </a:pPr>
            <a:r>
              <a:rPr lang="en-US" altLang="fr-FR" sz="2000" b="1" dirty="0">
                <a:solidFill>
                  <a:schemeClr val="accent2"/>
                </a:solidFill>
                <a:latin typeface="Times" panose="02020603050405020304" pitchFamily="18" charset="0"/>
                <a:cs typeface="Times" panose="02020603050405020304" pitchFamily="18" charset="0"/>
              </a:rPr>
              <a:t>High intensity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5EF1E95-FC6A-4E99-A5D3-67B53789B00B}"/>
              </a:ext>
            </a:extLst>
          </p:cNvPr>
          <p:cNvSpPr/>
          <p:nvPr/>
        </p:nvSpPr>
        <p:spPr>
          <a:xfrm>
            <a:off x="2303856" y="1281994"/>
            <a:ext cx="6407281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>
              <a:spcBef>
                <a:spcPct val="0"/>
              </a:spcBef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  <a:sym typeface="Wingdings" panose="05000000000000000000" pitchFamily="2" charset="2"/>
              </a:rPr>
              <a:t>enlarge the scope of possible nuclear reactions for isotope production</a:t>
            </a:r>
          </a:p>
        </p:txBody>
      </p:sp>
      <p:sp>
        <p:nvSpPr>
          <p:cNvPr id="9" name="Accolade fermante 8">
            <a:extLst>
              <a:ext uri="{FF2B5EF4-FFF2-40B4-BE49-F238E27FC236}">
                <a16:creationId xmlns:a16="http://schemas.microsoft.com/office/drawing/2014/main" id="{6B526A3D-4F13-48F4-AF25-CD414F6D340F}"/>
              </a:ext>
            </a:extLst>
          </p:cNvPr>
          <p:cNvSpPr/>
          <p:nvPr/>
        </p:nvSpPr>
        <p:spPr>
          <a:xfrm>
            <a:off x="2535383" y="1325981"/>
            <a:ext cx="72735" cy="707886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Accolade fermante 9">
            <a:extLst>
              <a:ext uri="{FF2B5EF4-FFF2-40B4-BE49-F238E27FC236}">
                <a16:creationId xmlns:a16="http://schemas.microsoft.com/office/drawing/2014/main" id="{519BDDB7-D71C-48A4-8DE3-9C9DD4D4F3BE}"/>
              </a:ext>
            </a:extLst>
          </p:cNvPr>
          <p:cNvSpPr/>
          <p:nvPr/>
        </p:nvSpPr>
        <p:spPr>
          <a:xfrm>
            <a:off x="2535382" y="2340541"/>
            <a:ext cx="72736" cy="665018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B012B888-8782-4ED3-AC17-42D170208D91}"/>
              </a:ext>
            </a:extLst>
          </p:cNvPr>
          <p:cNvSpPr/>
          <p:nvPr/>
        </p:nvSpPr>
        <p:spPr>
          <a:xfrm>
            <a:off x="2680855" y="2138341"/>
            <a:ext cx="6629400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Bef>
                <a:spcPct val="0"/>
              </a:spcBef>
              <a:buFont typeface="Wingdings" panose="05000000000000000000" pitchFamily="2" charset="2"/>
              <a:buChar char="à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  <a:sym typeface="Wingdings" panose="05000000000000000000" pitchFamily="2" charset="2"/>
              </a:rPr>
              <a:t>low cross section phenomena usable</a:t>
            </a:r>
          </a:p>
          <a:p>
            <a:pPr marL="342900" indent="-342900">
              <a:spcBef>
                <a:spcPct val="0"/>
              </a:spcBef>
              <a:buFont typeface="Wingdings" panose="05000000000000000000" pitchFamily="2" charset="2"/>
              <a:buChar char="à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  <a:sym typeface="Wingdings" panose="05000000000000000000" pitchFamily="2" charset="2"/>
              </a:rPr>
              <a:t>Neutron source with industrial capabilities possible</a:t>
            </a:r>
          </a:p>
          <a:p>
            <a:pPr marL="342900" indent="-342900">
              <a:spcBef>
                <a:spcPct val="0"/>
              </a:spcBef>
              <a:buFont typeface="Wingdings" panose="05000000000000000000" pitchFamily="2" charset="2"/>
              <a:buChar char="à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  <a:sym typeface="Wingdings" panose="05000000000000000000" pitchFamily="2" charset="2"/>
              </a:rPr>
              <a:t>Large quantities to serve several users </a:t>
            </a:r>
            <a:endParaRPr lang="fr-FR" dirty="0">
              <a:latin typeface="Times" panose="02020603050405020304" pitchFamily="18" charset="0"/>
              <a:cs typeface="Times" panose="02020603050405020304" pitchFamily="18" charset="0"/>
            </a:endParaRPr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815D9313-7249-4B69-923A-9EB5BFD129B9}"/>
              </a:ext>
            </a:extLst>
          </p:cNvPr>
          <p:cNvSpPr txBox="1"/>
          <p:nvPr/>
        </p:nvSpPr>
        <p:spPr>
          <a:xfrm>
            <a:off x="143933" y="3852442"/>
            <a:ext cx="5706534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fr-FR" sz="2000" b="1" dirty="0">
                <a:latin typeface="Times" panose="02020603050405020304" pitchFamily="18" charset="0"/>
                <a:cs typeface="Times" panose="02020603050405020304" pitchFamily="18" charset="0"/>
              </a:rPr>
              <a:t>Main characteristics of IK18:</a:t>
            </a:r>
          </a:p>
          <a:p>
            <a:pPr marL="800100" lvl="1" indent="-34290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Cyclotron </a:t>
            </a:r>
            <a:r>
              <a:rPr lang="en-US" altLang="fr-FR" sz="2000" dirty="0" err="1">
                <a:latin typeface="Times" panose="02020603050405020304" pitchFamily="18" charset="0"/>
                <a:cs typeface="Times" panose="02020603050405020304" pitchFamily="18" charset="0"/>
              </a:rPr>
              <a:t>kiube</a:t>
            </a: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 180</a:t>
            </a:r>
          </a:p>
          <a:p>
            <a:pPr marL="800100" lvl="1" indent="-34290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1 beamline connected to a solid target station</a:t>
            </a:r>
          </a:p>
          <a:p>
            <a:pPr marL="800100" lvl="1" indent="-34290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1 high power solid target station of the C70XP type connected to the existing rabbit system</a:t>
            </a:r>
          </a:p>
          <a:p>
            <a:pPr lvl="1">
              <a:spcBef>
                <a:spcPct val="0"/>
              </a:spcBef>
              <a:spcAft>
                <a:spcPct val="0"/>
              </a:spcAft>
            </a:pPr>
            <a:r>
              <a:rPr lang="en-US" altLang="fr-FR" sz="2000" b="1" dirty="0">
                <a:latin typeface="Times" panose="02020603050405020304" pitchFamily="18" charset="0"/>
                <a:cs typeface="Times" panose="02020603050405020304" pitchFamily="18" charset="0"/>
              </a:rPr>
              <a:t>  </a:t>
            </a:r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F8DF2562-D502-4757-89FF-77EB664182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501649" y="4218441"/>
            <a:ext cx="2456689" cy="1637793"/>
          </a:xfrm>
          <a:prstGeom prst="rect">
            <a:avLst/>
          </a:prstGeom>
        </p:spPr>
      </p:pic>
      <p:pic>
        <p:nvPicPr>
          <p:cNvPr id="25" name="Espace réservé du contenu 8">
            <a:extLst>
              <a:ext uri="{FF2B5EF4-FFF2-40B4-BE49-F238E27FC236}">
                <a16:creationId xmlns:a16="http://schemas.microsoft.com/office/drawing/2014/main" id="{C484457B-2D0E-4A91-BEA6-786F0D4C6261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58" r="9697" b="10315"/>
          <a:stretch/>
        </p:blipFill>
        <p:spPr>
          <a:xfrm>
            <a:off x="8187266" y="3946228"/>
            <a:ext cx="3168353" cy="2182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7966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ZoneTexte 9">
            <a:extLst>
              <a:ext uri="{FF2B5EF4-FFF2-40B4-BE49-F238E27FC236}">
                <a16:creationId xmlns:a16="http://schemas.microsoft.com/office/drawing/2014/main" id="{4D83C827-0227-4126-9C84-3CA814F9BBA4}"/>
              </a:ext>
            </a:extLst>
          </p:cNvPr>
          <p:cNvSpPr txBox="1"/>
          <p:nvPr/>
        </p:nvSpPr>
        <p:spPr>
          <a:xfrm>
            <a:off x="8040758" y="4921789"/>
            <a:ext cx="37282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latin typeface="Times New Roman" panose="02020603050405020304" pitchFamily="18" charset="0"/>
                <a:cs typeface="Times New Roman" panose="02020603050405020304" pitchFamily="18" charset="0"/>
              </a:rPr>
              <a:t>Target handling </a:t>
            </a:r>
            <a:r>
              <a:rPr lang="fr-FR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fter</a:t>
            </a:r>
            <a:r>
              <a:rPr lang="fr-FR" dirty="0">
                <a:latin typeface="Times New Roman" panose="02020603050405020304" pitchFamily="18" charset="0"/>
                <a:cs typeface="Times New Roman" panose="02020603050405020304" pitchFamily="18" charset="0"/>
              </a:rPr>
              <a:t> irradiation</a:t>
            </a:r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EB977DC8-A067-47D7-96C4-9D549A9D8B7E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75073" y="1975075"/>
            <a:ext cx="2778326" cy="2839586"/>
          </a:xfrm>
          <a:prstGeom prst="rect">
            <a:avLst/>
          </a:prstGeom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8E56D7D7-5183-4C82-9A27-3A8BBAE28C4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117882" y="2773645"/>
            <a:ext cx="3635705" cy="1679469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FF7E9176-8043-4EA2-820B-3DBA9544FC3C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5922" y="2234366"/>
            <a:ext cx="5413924" cy="2851280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1"/>
            <a:ext cx="12192000" cy="831495"/>
          </a:xfrm>
        </p:spPr>
        <p:txBody>
          <a:bodyPr>
            <a:normAutofit/>
          </a:bodyPr>
          <a:lstStyle/>
          <a:p>
            <a:pPr algn="ctr"/>
            <a:r>
              <a:rPr kumimoji="1" lang="fr-FR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How to </a:t>
            </a:r>
            <a:r>
              <a:rPr kumimoji="1" lang="fr-FR" sz="2800" dirty="0" err="1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acces</a:t>
            </a:r>
            <a:r>
              <a:rPr kumimoji="1" lang="fr-FR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 variable alpha </a:t>
            </a:r>
            <a:r>
              <a:rPr kumimoji="1" lang="fr-FR" sz="2800" dirty="0" err="1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energies</a:t>
            </a:r>
            <a:r>
              <a:rPr kumimoji="1" lang="fr-FR" sz="2800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?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870A9D85-BA08-4A65-BB21-1230F462AB4F}"/>
              </a:ext>
            </a:extLst>
          </p:cNvPr>
          <p:cNvSpPr txBox="1"/>
          <p:nvPr/>
        </p:nvSpPr>
        <p:spPr>
          <a:xfrm>
            <a:off x="2950856" y="4703213"/>
            <a:ext cx="2748990" cy="369332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dirty="0" err="1"/>
              <a:t>Commissionning</a:t>
            </a:r>
            <a:r>
              <a:rPr lang="en-GB" dirty="0"/>
              <a:t> under way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6ABE6DC-BA44-4CB2-8333-AF443AFF4349}"/>
              </a:ext>
            </a:extLst>
          </p:cNvPr>
          <p:cNvSpPr/>
          <p:nvPr/>
        </p:nvSpPr>
        <p:spPr>
          <a:xfrm>
            <a:off x="96253" y="930562"/>
            <a:ext cx="10349761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b="1" dirty="0">
                <a:sym typeface="Wingdings" panose="05000000000000000000" pitchFamily="2" charset="2"/>
              </a:rPr>
              <a:t>Upgrade of the machine </a:t>
            </a:r>
            <a:r>
              <a:rPr lang="en-GB" dirty="0">
                <a:sym typeface="Wingdings" panose="05000000000000000000" pitchFamily="2" charset="2"/>
              </a:rPr>
              <a:t>:</a:t>
            </a:r>
          </a:p>
          <a:p>
            <a:r>
              <a:rPr lang="en-GB" dirty="0">
                <a:sym typeface="Wingdings" panose="05000000000000000000" pitchFamily="2" charset="2"/>
              </a:rPr>
              <a:t>Development of an internal target to intercept the beam at the right energy (28-29 MeV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dirty="0">
                <a:sym typeface="Wingdings" panose="05000000000000000000" pitchFamily="2" charset="2"/>
              </a:rPr>
              <a:t>No more need to degrade the beam energy and better control of  At-210 produc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GB" dirty="0">
                <a:sym typeface="Wingdings" panose="05000000000000000000" pitchFamily="2" charset="2"/>
              </a:rPr>
              <a:t>Limitation will be now the target itself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849A6F1-98A3-43DF-AED8-C9691F91F763}"/>
              </a:ext>
            </a:extLst>
          </p:cNvPr>
          <p:cNvSpPr/>
          <p:nvPr/>
        </p:nvSpPr>
        <p:spPr>
          <a:xfrm>
            <a:off x="2523508" y="5773574"/>
            <a:ext cx="7457890" cy="369332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GB" b="1" dirty="0">
                <a:sym typeface="Wingdings" panose="05000000000000000000" pitchFamily="2" charset="2"/>
              </a:rPr>
              <a:t>Our Goals: improve both the quality and the quantities of the final product</a:t>
            </a:r>
            <a:endParaRPr lang="en-GB" dirty="0">
              <a:sym typeface="Wingdings" panose="05000000000000000000" pitchFamily="2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364072539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me 3"/>
          <p:cNvGraphicFramePr/>
          <p:nvPr>
            <p:extLst>
              <p:ext uri="{D42A27DB-BD31-4B8C-83A1-F6EECF244321}">
                <p14:modId xmlns:p14="http://schemas.microsoft.com/office/powerpoint/2010/main" val="1855650611"/>
              </p:ext>
            </p:extLst>
          </p:nvPr>
        </p:nvGraphicFramePr>
        <p:xfrm>
          <a:off x="639604" y="1279903"/>
          <a:ext cx="9870984" cy="50962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4035" name="ZoneTexte 4"/>
          <p:cNvSpPr txBox="1">
            <a:spLocks noChangeArrowheads="1"/>
          </p:cNvSpPr>
          <p:nvPr/>
        </p:nvSpPr>
        <p:spPr bwMode="auto">
          <a:xfrm>
            <a:off x="3427372" y="609601"/>
            <a:ext cx="6218037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fr-FR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hysics     Chemistry	  pre	 Clinical      </a:t>
            </a:r>
            <a:r>
              <a:rPr kumimoji="0" lang="en-GB" altLang="fr-FR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Clinical</a:t>
            </a:r>
            <a:r>
              <a:rPr kumimoji="0" lang="en-GB" altLang="fr-FR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fr-FR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			              clinical      </a:t>
            </a:r>
            <a:r>
              <a:rPr lang="en-GB" altLang="fr-FR" sz="2000" b="1" dirty="0">
                <a:solidFill>
                  <a:srgbClr val="000000"/>
                </a:solidFill>
              </a:rPr>
              <a:t>trials</a:t>
            </a:r>
            <a:r>
              <a:rPr kumimoji="0" lang="en-GB" altLang="fr-FR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           Routine</a:t>
            </a:r>
          </a:p>
        </p:txBody>
      </p:sp>
      <p:sp>
        <p:nvSpPr>
          <p:cNvPr id="44036" name="ZoneTexte 5"/>
          <p:cNvSpPr txBox="1">
            <a:spLocks noChangeArrowheads="1"/>
          </p:cNvSpPr>
          <p:nvPr/>
        </p:nvSpPr>
        <p:spPr bwMode="auto">
          <a:xfrm>
            <a:off x="1524000" y="0"/>
            <a:ext cx="9144000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342900" indent="-342900"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342900" marR="0" lvl="0" indent="-34290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en-GB" altLang="fr-FR" dirty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Pipeline Arronax</a:t>
            </a:r>
          </a:p>
        </p:txBody>
      </p:sp>
      <p:pic>
        <p:nvPicPr>
          <p:cNvPr id="9" name="Image 9">
            <a:extLst>
              <a:ext uri="{FF2B5EF4-FFF2-40B4-BE49-F238E27FC236}">
                <a16:creationId xmlns:a16="http://schemas.microsoft.com/office/drawing/2014/main" id="{DB4C824F-CC41-4321-A875-05DF13BA4F6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16497" y="1287122"/>
            <a:ext cx="984944" cy="5382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Image 10">
            <a:extLst>
              <a:ext uri="{FF2B5EF4-FFF2-40B4-BE49-F238E27FC236}">
                <a16:creationId xmlns:a16="http://schemas.microsoft.com/office/drawing/2014/main" id="{81D7BE68-32E8-4A53-8723-5F22A6175DB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67693" y="1249797"/>
            <a:ext cx="568397" cy="5709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Image 2">
            <a:extLst>
              <a:ext uri="{FF2B5EF4-FFF2-40B4-BE49-F238E27FC236}">
                <a16:creationId xmlns:a16="http://schemas.microsoft.com/office/drawing/2014/main" id="{6FB62A9A-26B0-4219-95F2-90C0C0583763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21730" y="1298078"/>
            <a:ext cx="1518267" cy="5272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E1E8493F-8153-4E6D-8348-0A6C607D4486}"/>
              </a:ext>
            </a:extLst>
          </p:cNvPr>
          <p:cNvSpPr txBox="1"/>
          <p:nvPr/>
        </p:nvSpPr>
        <p:spPr>
          <a:xfrm>
            <a:off x="9798519" y="5082139"/>
            <a:ext cx="2165683" cy="646331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dirty="0"/>
              <a:t>New developments on Auger emitters</a:t>
            </a:r>
          </a:p>
        </p:txBody>
      </p:sp>
    </p:spTree>
    <p:extLst>
      <p:ext uri="{BB962C8B-B14F-4D97-AF65-F5344CB8AC3E}">
        <p14:creationId xmlns:p14="http://schemas.microsoft.com/office/powerpoint/2010/main" val="26876874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38891"/>
    </mc:Choice>
    <mc:Fallback xmlns="">
      <p:transition spd="slow" advTm="138891"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Image 10">
            <a:extLst>
              <a:ext uri="{FF2B5EF4-FFF2-40B4-BE49-F238E27FC236}">
                <a16:creationId xmlns:a16="http://schemas.microsoft.com/office/drawing/2014/main" id="{0722A46B-2C59-4346-8FD5-54B277CDA5AA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/>
          <a:srcRect l="60731" t="11916" r="21295" b="65188"/>
          <a:stretch/>
        </p:blipFill>
        <p:spPr>
          <a:xfrm>
            <a:off x="921254" y="4912384"/>
            <a:ext cx="2133600" cy="1529223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CE02637C-DAED-4D1F-89B6-8E66584E0F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603"/>
            <a:ext cx="10515600" cy="727110"/>
          </a:xfrm>
        </p:spPr>
        <p:txBody>
          <a:bodyPr>
            <a:normAutofit/>
          </a:bodyPr>
          <a:lstStyle/>
          <a:p>
            <a:pPr algn="ctr"/>
            <a:r>
              <a:rPr kumimoji="1" lang="en-US" sz="2800" dirty="0">
                <a:solidFill>
                  <a:srgbClr val="0070C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experimental vault AX @ Arronax</a:t>
            </a:r>
            <a:endParaRPr kumimoji="1" lang="en-GB" sz="2800" dirty="0">
              <a:solidFill>
                <a:srgbClr val="0070C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A283C63B-F672-42DD-9941-479C52A0B38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45454" y="697821"/>
            <a:ext cx="3785904" cy="2839427"/>
          </a:xfrm>
          <a:prstGeom prst="rect">
            <a:avLst/>
          </a:prstGeom>
        </p:spPr>
      </p:pic>
      <p:pic>
        <p:nvPicPr>
          <p:cNvPr id="52" name="Image 51">
            <a:extLst>
              <a:ext uri="{FF2B5EF4-FFF2-40B4-BE49-F238E27FC236}">
                <a16:creationId xmlns:a16="http://schemas.microsoft.com/office/drawing/2014/main" id="{596524FE-116F-4F1A-874E-ED9BCD8361B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433" t="21729" r="21708" b="18725"/>
          <a:stretch/>
        </p:blipFill>
        <p:spPr>
          <a:xfrm>
            <a:off x="8200844" y="4652558"/>
            <a:ext cx="2133600" cy="1487190"/>
          </a:xfrm>
          <a:prstGeom prst="rect">
            <a:avLst/>
          </a:prstGeom>
        </p:spPr>
      </p:pic>
      <p:cxnSp>
        <p:nvCxnSpPr>
          <p:cNvPr id="59" name="Connecteur droit avec flèche 58">
            <a:extLst>
              <a:ext uri="{FF2B5EF4-FFF2-40B4-BE49-F238E27FC236}">
                <a16:creationId xmlns:a16="http://schemas.microsoft.com/office/drawing/2014/main" id="{EF8138A4-32BD-4849-B53F-F62FA97F4971}"/>
              </a:ext>
            </a:extLst>
          </p:cNvPr>
          <p:cNvCxnSpPr/>
          <p:nvPr/>
        </p:nvCxnSpPr>
        <p:spPr>
          <a:xfrm>
            <a:off x="8390228" y="5358569"/>
            <a:ext cx="1656184" cy="0"/>
          </a:xfrm>
          <a:prstGeom prst="straightConnector1">
            <a:avLst/>
          </a:prstGeom>
          <a:ln w="508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ZoneTexte 59">
            <a:extLst>
              <a:ext uri="{FF2B5EF4-FFF2-40B4-BE49-F238E27FC236}">
                <a16:creationId xmlns:a16="http://schemas.microsoft.com/office/drawing/2014/main" id="{9C015D93-8E2E-4FC9-8402-F15E33D46D4B}"/>
              </a:ext>
            </a:extLst>
          </p:cNvPr>
          <p:cNvSpPr txBox="1"/>
          <p:nvPr/>
        </p:nvSpPr>
        <p:spPr>
          <a:xfrm flipH="1">
            <a:off x="8933292" y="5041233"/>
            <a:ext cx="6909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5 cm</a:t>
            </a:r>
          </a:p>
        </p:txBody>
      </p:sp>
      <p:sp>
        <p:nvSpPr>
          <p:cNvPr id="61" name="ZoneTexte 60">
            <a:extLst>
              <a:ext uri="{FF2B5EF4-FFF2-40B4-BE49-F238E27FC236}">
                <a16:creationId xmlns:a16="http://schemas.microsoft.com/office/drawing/2014/main" id="{5224660D-2649-4488-89D7-BFCBFFECDA64}"/>
              </a:ext>
            </a:extLst>
          </p:cNvPr>
          <p:cNvSpPr txBox="1"/>
          <p:nvPr/>
        </p:nvSpPr>
        <p:spPr>
          <a:xfrm>
            <a:off x="8364828" y="5799240"/>
            <a:ext cx="18833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Radiochromic</a:t>
            </a:r>
            <a:r>
              <a:rPr lang="fr-FR" dirty="0"/>
              <a:t> film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18067EDF-1C90-4578-947E-BF5858458C11}"/>
              </a:ext>
            </a:extLst>
          </p:cNvPr>
          <p:cNvSpPr txBox="1"/>
          <p:nvPr/>
        </p:nvSpPr>
        <p:spPr>
          <a:xfrm>
            <a:off x="1284662" y="4958529"/>
            <a:ext cx="626813" cy="318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67" dirty="0"/>
              <a:t>33ns</a:t>
            </a:r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BE0CD81C-B369-44AB-9A6B-936B9EBD1EE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3807" y="4224542"/>
            <a:ext cx="5858728" cy="687842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96E9223A-A14E-484E-8328-FA861F92976F}"/>
              </a:ext>
            </a:extLst>
          </p:cNvPr>
          <p:cNvSpPr txBox="1"/>
          <p:nvPr/>
        </p:nvSpPr>
        <p:spPr>
          <a:xfrm>
            <a:off x="246228" y="3853815"/>
            <a:ext cx="62183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Important </a:t>
            </a:r>
            <a:r>
              <a:rPr lang="fr-FR" dirty="0" err="1"/>
              <a:t>work</a:t>
            </a:r>
            <a:r>
              <a:rPr lang="fr-FR" dirty="0"/>
              <a:t> </a:t>
            </a:r>
            <a:r>
              <a:rPr lang="fr-FR" dirty="0" err="1"/>
              <a:t>done</a:t>
            </a:r>
            <a:r>
              <a:rPr lang="fr-FR" dirty="0"/>
              <a:t> by F. Poirier et al on a </a:t>
            </a:r>
            <a:r>
              <a:rPr lang="fr-FR" dirty="0" err="1"/>
              <a:t>beam</a:t>
            </a:r>
            <a:r>
              <a:rPr lang="fr-FR" dirty="0"/>
              <a:t> </a:t>
            </a:r>
            <a:r>
              <a:rPr lang="fr-FR" dirty="0" err="1"/>
              <a:t>pulsing</a:t>
            </a:r>
            <a:r>
              <a:rPr lang="fr-FR" dirty="0"/>
              <a:t> </a:t>
            </a:r>
            <a:r>
              <a:rPr lang="fr-FR" dirty="0" err="1"/>
              <a:t>device</a:t>
            </a:r>
            <a:endParaRPr lang="fr-FR" dirty="0"/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6852F56C-900E-43EC-9F32-ECCCDE9D2A78}"/>
              </a:ext>
            </a:extLst>
          </p:cNvPr>
          <p:cNvSpPr txBox="1"/>
          <p:nvPr/>
        </p:nvSpPr>
        <p:spPr>
          <a:xfrm>
            <a:off x="7375744" y="3926122"/>
            <a:ext cx="411871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/>
              <a:t>Important </a:t>
            </a:r>
            <a:r>
              <a:rPr lang="fr-FR" sz="1600" dirty="0" err="1"/>
              <a:t>work</a:t>
            </a:r>
            <a:r>
              <a:rPr lang="fr-FR" sz="1600" dirty="0"/>
              <a:t> </a:t>
            </a:r>
            <a:r>
              <a:rPr lang="fr-FR" sz="1600" dirty="0" err="1"/>
              <a:t>done</a:t>
            </a:r>
            <a:r>
              <a:rPr lang="fr-FR" sz="1600" dirty="0"/>
              <a:t> by C. </a:t>
            </a:r>
            <a:r>
              <a:rPr lang="fr-FR" sz="1600" dirty="0" err="1"/>
              <a:t>Koumeir</a:t>
            </a:r>
            <a:r>
              <a:rPr lang="fr-FR" sz="1600" dirty="0"/>
              <a:t> on </a:t>
            </a:r>
            <a:r>
              <a:rPr lang="fr-FR" sz="1600" dirty="0" err="1"/>
              <a:t>beam</a:t>
            </a:r>
            <a:r>
              <a:rPr lang="fr-FR" sz="1600" dirty="0"/>
              <a:t> </a:t>
            </a:r>
            <a:r>
              <a:rPr lang="fr-FR" sz="1600" dirty="0" err="1"/>
              <a:t>shaping</a:t>
            </a:r>
            <a:r>
              <a:rPr lang="fr-FR" sz="1600" dirty="0"/>
              <a:t> for </a:t>
            </a:r>
            <a:r>
              <a:rPr lang="fr-FR" sz="1600" dirty="0" err="1"/>
              <a:t>experiment</a:t>
            </a:r>
            <a:r>
              <a:rPr lang="fr-FR" sz="1600" dirty="0"/>
              <a:t> in AX</a:t>
            </a:r>
          </a:p>
        </p:txBody>
      </p:sp>
      <p:pic>
        <p:nvPicPr>
          <p:cNvPr id="17" name="Image 16">
            <a:extLst>
              <a:ext uri="{FF2B5EF4-FFF2-40B4-BE49-F238E27FC236}">
                <a16:creationId xmlns:a16="http://schemas.microsoft.com/office/drawing/2014/main" id="{81F5E36B-FA87-4CDA-B6B7-73AD09C26FB0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761015" y="5043519"/>
            <a:ext cx="2429399" cy="1417130"/>
          </a:xfrm>
          <a:prstGeom prst="rect">
            <a:avLst/>
          </a:prstGeom>
        </p:spPr>
      </p:pic>
      <p:pic>
        <p:nvPicPr>
          <p:cNvPr id="18" name="Picture 3" descr="Z:\Photos Arronax\photos panoramiques\[1] 2008, 2008_09_11arronax, 11 images, IMG_3510 - IMG_3520 - 3249x1358 - CCUL-Smartblend.jpg">
            <a:extLst>
              <a:ext uri="{FF2B5EF4-FFF2-40B4-BE49-F238E27FC236}">
                <a16:creationId xmlns:a16="http://schemas.microsoft.com/office/drawing/2014/main" id="{19BF5C70-A989-4402-8E22-D787BD9547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/>
          <a:srcRect/>
          <a:stretch>
            <a:fillRect/>
          </a:stretch>
        </p:blipFill>
        <p:spPr bwMode="auto">
          <a:xfrm>
            <a:off x="787897" y="864848"/>
            <a:ext cx="4989287" cy="26979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ZoneTexte 2">
            <a:extLst>
              <a:ext uri="{FF2B5EF4-FFF2-40B4-BE49-F238E27FC236}">
                <a16:creationId xmlns:a16="http://schemas.microsoft.com/office/drawing/2014/main" id="{568EB1CA-FCA6-474A-B49F-CE90F0239B77}"/>
              </a:ext>
            </a:extLst>
          </p:cNvPr>
          <p:cNvSpPr txBox="1"/>
          <p:nvPr/>
        </p:nvSpPr>
        <p:spPr>
          <a:xfrm>
            <a:off x="787897" y="872354"/>
            <a:ext cx="23762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Casemate AX</a:t>
            </a:r>
          </a:p>
        </p:txBody>
      </p:sp>
    </p:spTree>
    <p:extLst>
      <p:ext uri="{BB962C8B-B14F-4D97-AF65-F5344CB8AC3E}">
        <p14:creationId xmlns:p14="http://schemas.microsoft.com/office/powerpoint/2010/main" val="160281357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me 3">
            <a:extLst>
              <a:ext uri="{FF2B5EF4-FFF2-40B4-BE49-F238E27FC236}">
                <a16:creationId xmlns:a16="http://schemas.microsoft.com/office/drawing/2014/main" id="{ECEECA36-72F1-4CC7-AFA0-03506EE6EB2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20751395"/>
              </p:ext>
            </p:extLst>
          </p:nvPr>
        </p:nvGraphicFramePr>
        <p:xfrm>
          <a:off x="1661001" y="507615"/>
          <a:ext cx="9107055" cy="60644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ZoneTexte 4">
            <a:extLst>
              <a:ext uri="{FF2B5EF4-FFF2-40B4-BE49-F238E27FC236}">
                <a16:creationId xmlns:a16="http://schemas.microsoft.com/office/drawing/2014/main" id="{213EC810-1790-457A-9C1C-1BB398C6FFDA}"/>
              </a:ext>
            </a:extLst>
          </p:cNvPr>
          <p:cNvSpPr txBox="1"/>
          <p:nvPr/>
        </p:nvSpPr>
        <p:spPr>
          <a:xfrm>
            <a:off x="775227" y="2442506"/>
            <a:ext cx="229288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dirty="0"/>
              <a:t>Nuclear data</a:t>
            </a:r>
          </a:p>
          <a:p>
            <a:pPr algn="ctr"/>
            <a:r>
              <a:rPr lang="en-GB" dirty="0"/>
              <a:t>Cross section measurements for radionuclide production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C9EB61B5-D9CD-4E92-91E6-28EE3DC89638}"/>
              </a:ext>
            </a:extLst>
          </p:cNvPr>
          <p:cNvSpPr txBox="1"/>
          <p:nvPr/>
        </p:nvSpPr>
        <p:spPr>
          <a:xfrm>
            <a:off x="1356202" y="5445913"/>
            <a:ext cx="2292884" cy="923330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b="1" dirty="0"/>
              <a:t>Detector testing</a:t>
            </a:r>
          </a:p>
          <a:p>
            <a:pPr algn="ctr"/>
            <a:r>
              <a:rPr lang="en-GB" dirty="0"/>
              <a:t>DORN detector that went on the moon </a:t>
            </a:r>
          </a:p>
        </p:txBody>
      </p:sp>
      <p:sp>
        <p:nvSpPr>
          <p:cNvPr id="7" name="Google Shape;306;p39">
            <a:extLst>
              <a:ext uri="{FF2B5EF4-FFF2-40B4-BE49-F238E27FC236}">
                <a16:creationId xmlns:a16="http://schemas.microsoft.com/office/drawing/2014/main" id="{E47F7A10-AC69-4FB3-86DF-D2E29DA8F303}"/>
              </a:ext>
            </a:extLst>
          </p:cNvPr>
          <p:cNvSpPr txBox="1">
            <a:spLocks/>
          </p:cNvSpPr>
          <p:nvPr/>
        </p:nvSpPr>
        <p:spPr>
          <a:xfrm>
            <a:off x="8615121" y="4933887"/>
            <a:ext cx="3035008" cy="1757858"/>
          </a:xfrm>
          <a:prstGeom prst="rect">
            <a:avLst/>
          </a:prstGeom>
        </p:spPr>
        <p:txBody>
          <a:bodyPr spcFirstLastPara="1" vert="horz" wrap="square" lIns="91425" tIns="91425" rIns="91425" bIns="91425" rtlCol="0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GB" sz="1800" b="1" dirty="0" err="1"/>
              <a:t>Archeometry</a:t>
            </a:r>
            <a:endParaRPr lang="en-GB" sz="1800" b="1" dirty="0"/>
          </a:p>
          <a:p>
            <a:pPr marL="0" indent="0" algn="ctr">
              <a:buNone/>
            </a:pPr>
            <a:r>
              <a:rPr lang="en-GB" sz="1800" dirty="0"/>
              <a:t>Determine the gilding thickness to understand the mediaeval manufacturing techniques </a:t>
            </a:r>
          </a:p>
        </p:txBody>
      </p:sp>
      <p:sp>
        <p:nvSpPr>
          <p:cNvPr id="8" name="Google Shape;306;p39">
            <a:extLst>
              <a:ext uri="{FF2B5EF4-FFF2-40B4-BE49-F238E27FC236}">
                <a16:creationId xmlns:a16="http://schemas.microsoft.com/office/drawing/2014/main" id="{99278DB3-37E6-49A2-B705-F9242AE0A582}"/>
              </a:ext>
            </a:extLst>
          </p:cNvPr>
          <p:cNvSpPr txBox="1">
            <a:spLocks/>
          </p:cNvSpPr>
          <p:nvPr/>
        </p:nvSpPr>
        <p:spPr>
          <a:xfrm>
            <a:off x="9360946" y="1671142"/>
            <a:ext cx="2292884" cy="1757858"/>
          </a:xfrm>
          <a:prstGeom prst="rect">
            <a:avLst/>
          </a:prstGeom>
        </p:spPr>
        <p:txBody>
          <a:bodyPr spcFirstLastPara="1" vert="horz" wrap="square" lIns="91425" tIns="91425" rIns="91425" bIns="91425" rtlCol="0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endParaRPr lang="en-GB" sz="1800" dirty="0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57A6B17C-9480-4084-A064-4C19004BF013}"/>
              </a:ext>
            </a:extLst>
          </p:cNvPr>
          <p:cNvSpPr txBox="1"/>
          <p:nvPr/>
        </p:nvSpPr>
        <p:spPr>
          <a:xfrm>
            <a:off x="9600495" y="2750283"/>
            <a:ext cx="2049634" cy="11695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en-GB" sz="1400" b="1" dirty="0"/>
              <a:t>Bunch Counting </a:t>
            </a:r>
            <a:r>
              <a:rPr lang="en-GB" sz="1400" dirty="0"/>
              <a:t>: up to 100 particles par bunch (&lt;1nA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GB" sz="1400" b="1" dirty="0"/>
              <a:t>Train Counting</a:t>
            </a:r>
            <a:r>
              <a:rPr lang="en-GB" sz="1400" dirty="0"/>
              <a:t> :    up to 1µA (FLASH)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397D6B87-4470-4892-B065-F2D76F71C5AC}"/>
              </a:ext>
            </a:extLst>
          </p:cNvPr>
          <p:cNvSpPr txBox="1"/>
          <p:nvPr/>
        </p:nvSpPr>
        <p:spPr>
          <a:xfrm>
            <a:off x="7192688" y="322949"/>
            <a:ext cx="4457441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Management of small animal irradiation in AX vault using our animal housing facility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63D5C2E6-6904-4233-A602-3CAA19E11D21}"/>
              </a:ext>
            </a:extLst>
          </p:cNvPr>
          <p:cNvSpPr txBox="1"/>
          <p:nvPr/>
        </p:nvSpPr>
        <p:spPr>
          <a:xfrm>
            <a:off x="74089" y="92116"/>
            <a:ext cx="595417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b="1" dirty="0"/>
              <a:t>Few examples of experiments at ARRONAX: 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C92C48B2-9D66-8D9F-7DD7-29D765B47990}"/>
              </a:ext>
            </a:extLst>
          </p:cNvPr>
          <p:cNvSpPr txBox="1"/>
          <p:nvPr/>
        </p:nvSpPr>
        <p:spPr>
          <a:xfrm>
            <a:off x="8454053" y="1554781"/>
            <a:ext cx="2292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dirty="0"/>
              <a:t>Irradiation</a:t>
            </a:r>
            <a:endParaRPr lang="en-GB" dirty="0"/>
          </a:p>
        </p:txBody>
      </p:sp>
      <p:pic>
        <p:nvPicPr>
          <p:cNvPr id="3" name="Picture 4">
            <a:extLst>
              <a:ext uri="{FF2B5EF4-FFF2-40B4-BE49-F238E27FC236}">
                <a16:creationId xmlns:a16="http://schemas.microsoft.com/office/drawing/2014/main" id="{47684146-6446-F599-6396-E003E7DB33B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11539" y="3506558"/>
            <a:ext cx="2405977" cy="6185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92739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682" name="Titre 1"/>
          <p:cNvSpPr>
            <a:spLocks noGrp="1"/>
          </p:cNvSpPr>
          <p:nvPr>
            <p:ph type="title"/>
          </p:nvPr>
        </p:nvSpPr>
        <p:spPr>
          <a:xfrm>
            <a:off x="1524000" y="1"/>
            <a:ext cx="9144000" cy="765175"/>
          </a:xfrm>
        </p:spPr>
        <p:txBody>
          <a:bodyPr/>
          <a:lstStyle/>
          <a:p>
            <a:pPr algn="ctr"/>
            <a:r>
              <a:rPr lang="en-GB" altLang="en-US" kern="1200"/>
              <a:t>Conclusions</a:t>
            </a:r>
          </a:p>
        </p:txBody>
      </p:sp>
      <p:sp>
        <p:nvSpPr>
          <p:cNvPr id="71683" name="Espace réservé du contenu 2"/>
          <p:cNvSpPr>
            <a:spLocks noGrp="1"/>
          </p:cNvSpPr>
          <p:nvPr>
            <p:ph idx="1"/>
          </p:nvPr>
        </p:nvSpPr>
        <p:spPr>
          <a:xfrm>
            <a:off x="189185" y="609508"/>
            <a:ext cx="12002815" cy="531832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altLang="en-US" sz="2000" dirty="0"/>
              <a:t>Arronax possesses 2 cyclotrons:  </a:t>
            </a:r>
          </a:p>
          <a:p>
            <a:pPr lvl="1"/>
            <a:r>
              <a:rPr lang="en-GB" altLang="en-US" sz="2000" dirty="0"/>
              <a:t>a </a:t>
            </a:r>
            <a:r>
              <a:rPr lang="en-GB" altLang="en-US" sz="2000" b="1" dirty="0"/>
              <a:t>versatile C70XP </a:t>
            </a:r>
            <a:r>
              <a:rPr lang="en-GB" altLang="en-US" sz="2000" dirty="0"/>
              <a:t>cyclotron allowing a wide range of radionuclide production as well as irradiation research.</a:t>
            </a:r>
          </a:p>
          <a:p>
            <a:pPr lvl="1"/>
            <a:r>
              <a:rPr lang="en-GB" altLang="en-US" sz="2000" dirty="0"/>
              <a:t>A </a:t>
            </a:r>
            <a:r>
              <a:rPr lang="en-GB" altLang="en-US" sz="2000" b="1" dirty="0"/>
              <a:t>kiube-180</a:t>
            </a:r>
            <a:r>
              <a:rPr lang="en-GB" altLang="en-US" sz="2000" dirty="0"/>
              <a:t> cyclotron (named IK18) under final commissioning for F-18 and Cu-64 production mainly</a:t>
            </a:r>
          </a:p>
          <a:p>
            <a:pPr marL="0" indent="0">
              <a:buNone/>
            </a:pPr>
            <a:endParaRPr lang="en-GB" altLang="en-US" sz="2000" dirty="0"/>
          </a:p>
          <a:p>
            <a:pPr marL="0" indent="0">
              <a:buNone/>
            </a:pPr>
            <a:r>
              <a:rPr lang="en-GB" altLang="en-US" sz="2000" dirty="0"/>
              <a:t>GIP ARRONAX is producing </a:t>
            </a:r>
            <a:r>
              <a:rPr lang="en-GB" altLang="en-US" sz="2000" b="1" dirty="0"/>
              <a:t>radionuclides</a:t>
            </a:r>
            <a:r>
              <a:rPr lang="en-GB" altLang="en-US" sz="2000" dirty="0"/>
              <a:t> but also </a:t>
            </a:r>
            <a:r>
              <a:rPr lang="en-GB" altLang="en-US" sz="2000" b="1" dirty="0"/>
              <a:t>radiopharmaceuticals</a:t>
            </a:r>
            <a:r>
              <a:rPr lang="en-GB" altLang="en-US" sz="2000" dirty="0"/>
              <a:t> for research in nuclear medicine</a:t>
            </a:r>
          </a:p>
          <a:p>
            <a:pPr marL="0" indent="0">
              <a:buNone/>
            </a:pPr>
            <a:r>
              <a:rPr lang="en-GB" altLang="en-US" sz="2000" dirty="0"/>
              <a:t>GIP ARRONAX is conducting </a:t>
            </a:r>
            <a:r>
              <a:rPr lang="en-GB" altLang="en-US" sz="2000" b="1" dirty="0"/>
              <a:t>research with beams </a:t>
            </a:r>
            <a:r>
              <a:rPr lang="en-GB" altLang="en-US" sz="2000" dirty="0"/>
              <a:t>in diverse areas</a:t>
            </a:r>
          </a:p>
          <a:p>
            <a:pPr marL="0" indent="0">
              <a:buNone/>
            </a:pPr>
            <a:endParaRPr lang="en-GB" altLang="en-US" sz="2000" dirty="0"/>
          </a:p>
          <a:p>
            <a:pPr marL="0" indent="0">
              <a:buNone/>
            </a:pPr>
            <a:r>
              <a:rPr lang="en-GB" altLang="en-US" sz="2000" dirty="0"/>
              <a:t>After more than 15 years of operations, several upgrades are ongoing to increase services for users:</a:t>
            </a:r>
          </a:p>
          <a:p>
            <a:pPr lvl="1"/>
            <a:r>
              <a:rPr lang="en-GB" altLang="en-US" sz="2000" b="1" dirty="0"/>
              <a:t>Rejuvenation</a:t>
            </a:r>
            <a:r>
              <a:rPr lang="en-GB" altLang="en-US" sz="2000" dirty="0"/>
              <a:t> to compensate for component obsolescence (2M€)</a:t>
            </a:r>
          </a:p>
          <a:p>
            <a:pPr lvl="1"/>
            <a:r>
              <a:rPr lang="en-GB" altLang="en-US" sz="2000" dirty="0"/>
              <a:t>An </a:t>
            </a:r>
            <a:r>
              <a:rPr lang="en-GB" altLang="en-US" sz="2000" b="1" dirty="0"/>
              <a:t>internal target </a:t>
            </a:r>
            <a:r>
              <a:rPr lang="en-GB" altLang="en-US" sz="2000" dirty="0"/>
              <a:t>system to irradiate our alpha beam at 28 MeV directly (under commissioning)</a:t>
            </a:r>
          </a:p>
          <a:p>
            <a:pPr lvl="1"/>
            <a:endParaRPr lang="en-GB" altLang="en-US" sz="2000" dirty="0"/>
          </a:p>
          <a:p>
            <a:pPr marL="0" indent="0">
              <a:buNone/>
            </a:pPr>
            <a:r>
              <a:rPr lang="en-GB" altLang="en-US" sz="2000" dirty="0"/>
              <a:t>These work can only be achieved through </a:t>
            </a:r>
            <a:r>
              <a:rPr lang="en-GB" altLang="en-US" sz="2000" b="1" dirty="0"/>
              <a:t>collective work at all scales </a:t>
            </a:r>
            <a:r>
              <a:rPr lang="en-GB" altLang="en-US" sz="2000" dirty="0"/>
              <a:t>(local, national and international)l and with all partners (academia and industry)</a:t>
            </a:r>
          </a:p>
          <a:p>
            <a:endParaRPr lang="en-GB" altLang="en-US" sz="2000" dirty="0"/>
          </a:p>
        </p:txBody>
      </p:sp>
    </p:spTree>
    <p:extLst>
      <p:ext uri="{BB962C8B-B14F-4D97-AF65-F5344CB8AC3E}">
        <p14:creationId xmlns:p14="http://schemas.microsoft.com/office/powerpoint/2010/main" val="89074367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OTLSHAPE_M_780b5cc5ec854e32ac6a67a30b714185_Title">
            <a:extLst>
              <a:ext uri="{FF2B5EF4-FFF2-40B4-BE49-F238E27FC236}">
                <a16:creationId xmlns:a16="http://schemas.microsoft.com/office/drawing/2014/main" id="{4AF0B889-6CFD-4BC3-BBA3-6ADC27C9C96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380152" y="2064148"/>
            <a:ext cx="1222282" cy="1661993"/>
          </a:xfrm>
          <a:prstGeom prst="rect">
            <a:avLst/>
          </a:prstGeom>
          <a:solidFill>
            <a:srgbClr val="FFFFCC"/>
          </a:solidFill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fr-FR" altLang="fr-FR" sz="1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2025: </a:t>
            </a:r>
          </a:p>
          <a:p>
            <a:pPr>
              <a:defRPr/>
            </a:pPr>
            <a:r>
              <a:rPr lang="fr-FR" altLang="fr-FR" sz="1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commissioning of the new cyclotron</a:t>
            </a:r>
          </a:p>
          <a:p>
            <a:pPr>
              <a:defRPr/>
            </a:pPr>
            <a:endParaRPr lang="fr-FR" sz="1200" b="1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defRPr/>
            </a:pPr>
            <a:endParaRPr lang="fr-FR" sz="1200" b="1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defRPr/>
            </a:pPr>
            <a:endParaRPr lang="fr-FR" sz="1200" b="1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defRPr/>
            </a:pPr>
            <a:r>
              <a:rPr lang="fr-FR" sz="1200" b="1" spc="-3" dirty="0" err="1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missionning</a:t>
            </a:r>
            <a:r>
              <a:rPr lang="fr-FR" sz="1200" b="1" spc="-3" dirty="0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of the </a:t>
            </a:r>
            <a:r>
              <a:rPr lang="fr-FR" sz="1200" b="1" spc="-3" dirty="0" err="1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l</a:t>
            </a:r>
            <a:r>
              <a:rPr lang="fr-FR" sz="1200" b="1" spc="-3" dirty="0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fr-FR" sz="1200" b="1" spc="-3" dirty="0" err="1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arget</a:t>
            </a:r>
            <a:endParaRPr lang="fr-FR" sz="1200" b="1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708" name="OTLSHAPE_M_040648a26ff84468a24e7480ad91620e_Connector2"/>
          <p:cNvCxnSpPr/>
          <p:nvPr>
            <p:custDataLst>
              <p:tags r:id="rId3"/>
            </p:custDataLst>
          </p:nvPr>
        </p:nvCxnSpPr>
        <p:spPr>
          <a:xfrm>
            <a:off x="5198791" y="4231374"/>
            <a:ext cx="0" cy="74612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040648a26ff84468a24e7480ad91620e_Connector1"/>
          <p:cNvCxnSpPr/>
          <p:nvPr>
            <p:custDataLst>
              <p:tags r:id="rId4"/>
            </p:custDataLst>
          </p:nvPr>
        </p:nvCxnSpPr>
        <p:spPr>
          <a:xfrm>
            <a:off x="4400278" y="2976664"/>
            <a:ext cx="0" cy="868363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d508bc8e7bdc47cbb9f4b176c303be74_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5758732" y="3040598"/>
            <a:ext cx="0" cy="954435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dba9f1cc2041410b849ee590e76c7780_Connector1"/>
          <p:cNvCxnSpPr/>
          <p:nvPr>
            <p:custDataLst>
              <p:tags r:id="rId6"/>
            </p:custDataLst>
          </p:nvPr>
        </p:nvCxnSpPr>
        <p:spPr>
          <a:xfrm>
            <a:off x="4190655" y="1868589"/>
            <a:ext cx="0" cy="7588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22ba966897a34657afc169ade639a7fb_Connector1"/>
          <p:cNvCxnSpPr/>
          <p:nvPr>
            <p:custDataLst>
              <p:tags r:id="rId7"/>
            </p:custDataLst>
          </p:nvPr>
        </p:nvCxnSpPr>
        <p:spPr>
          <a:xfrm>
            <a:off x="1861866" y="1168501"/>
            <a:ext cx="4762" cy="1522412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8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1714501" y="2954339"/>
            <a:ext cx="352425" cy="20637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350" b="1">
                <a:solidFill>
                  <a:schemeClr val="accent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679" name="OTLSHAPE_TB_00000000000000000000000000000000_RightEndCaps" hidden="1"/>
          <p:cNvSpPr txBox="1"/>
          <p:nvPr>
            <p:custDataLst>
              <p:tags r:id="rId9"/>
            </p:custDataLst>
          </p:nvPr>
        </p:nvSpPr>
        <p:spPr>
          <a:xfrm>
            <a:off x="10129839" y="2954339"/>
            <a:ext cx="352425" cy="206375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350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680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672233" y="2704490"/>
            <a:ext cx="8162240" cy="255423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81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1524000" y="8572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350"/>
          </a:p>
        </p:txBody>
      </p:sp>
      <p:sp>
        <p:nvSpPr>
          <p:cNvPr id="682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9269413" y="3200400"/>
            <a:ext cx="82550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350"/>
          </a:p>
        </p:txBody>
      </p:sp>
      <p:sp>
        <p:nvSpPr>
          <p:cNvPr id="64526" name="OTLSHAPE_TB_00000000000000000000000000000000_TodayMarkerText" hidden="1"/>
          <p:cNvSpPr txBox="1">
            <a:spLocks noChangeArrowheads="1"/>
          </p:cNvSpPr>
          <p:nvPr>
            <p:custDataLst>
              <p:tags r:id="rId13"/>
            </p:custDataLst>
          </p:nvPr>
        </p:nvSpPr>
        <p:spPr bwMode="auto">
          <a:xfrm>
            <a:off x="9304338" y="3295651"/>
            <a:ext cx="28575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en-US" altLang="fr-FR" sz="900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4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829053" y="2763939"/>
            <a:ext cx="265112" cy="1492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07</a:t>
            </a:r>
          </a:p>
        </p:txBody>
      </p:sp>
      <p:cxnSp>
        <p:nvCxnSpPr>
          <p:cNvPr id="685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227515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6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275140" y="27639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1</a:t>
            </a:r>
          </a:p>
        </p:txBody>
      </p:sp>
      <p:cxnSp>
        <p:nvCxnSpPr>
          <p:cNvPr id="687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2786310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849636" y="27639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2</a:t>
            </a:r>
          </a:p>
        </p:txBody>
      </p:sp>
      <p:cxnSp>
        <p:nvCxnSpPr>
          <p:cNvPr id="689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3431363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563600" y="27639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3</a:t>
            </a:r>
          </a:p>
        </p:txBody>
      </p:sp>
      <p:cxnSp>
        <p:nvCxnSpPr>
          <p:cNvPr id="691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515103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055273" y="27639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4</a:t>
            </a:r>
          </a:p>
        </p:txBody>
      </p:sp>
      <p:cxnSp>
        <p:nvCxnSpPr>
          <p:cNvPr id="69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5278690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4800322" y="2730013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7</a:t>
            </a:r>
          </a:p>
        </p:txBody>
      </p:sp>
      <p:cxnSp>
        <p:nvCxnSpPr>
          <p:cNvPr id="695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42278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5062938" y="3086399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8</a:t>
            </a:r>
          </a:p>
        </p:txBody>
      </p:sp>
      <p:cxnSp>
        <p:nvCxnSpPr>
          <p:cNvPr id="697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804278" y="2738538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6190729" y="2755445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9</a:t>
            </a:r>
          </a:p>
        </p:txBody>
      </p:sp>
      <p:cxnSp>
        <p:nvCxnSpPr>
          <p:cNvPr id="699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7298924" y="2733924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6910641" y="2748360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20</a:t>
            </a:r>
          </a:p>
        </p:txBody>
      </p:sp>
      <p:sp>
        <p:nvSpPr>
          <p:cNvPr id="64544" name="OTLSHAPE_M_22ba966897a34657afc169ade639a7fb_Title"/>
          <p:cNvSpPr txBox="1">
            <a:spLocks noChangeArrowheads="1"/>
          </p:cNvSpPr>
          <p:nvPr>
            <p:custDataLst>
              <p:tags r:id="rId31"/>
            </p:custDataLst>
          </p:nvPr>
        </p:nvSpPr>
        <p:spPr bwMode="auto">
          <a:xfrm>
            <a:off x="1715811" y="1566963"/>
            <a:ext cx="957262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/>
              <a:t>Création du </a:t>
            </a:r>
          </a:p>
          <a:p>
            <a:pPr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/>
              <a:t>GIP Arronax</a:t>
            </a:r>
          </a:p>
        </p:txBody>
      </p:sp>
      <p:sp>
        <p:nvSpPr>
          <p:cNvPr id="713" name="OTLSHAPE_M_22ba966897a34657afc169ade639a7fb_Shape"/>
          <p:cNvSpPr/>
          <p:nvPr>
            <p:custDataLst>
              <p:tags r:id="rId32"/>
            </p:custDataLst>
          </p:nvPr>
        </p:nvSpPr>
        <p:spPr>
          <a:xfrm rot="16200000">
            <a:off x="1875525" y="1113288"/>
            <a:ext cx="54396" cy="81013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14" name="OTLSHAPE_M_f37dfb331cf44909bff180704ea51942_Title"/>
          <p:cNvSpPr txBox="1"/>
          <p:nvPr>
            <p:custDataLst>
              <p:tags r:id="rId33"/>
            </p:custDataLst>
          </p:nvPr>
        </p:nvSpPr>
        <p:spPr>
          <a:xfrm>
            <a:off x="2528611" y="2074983"/>
            <a:ext cx="1001716" cy="553998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emière </a:t>
            </a:r>
          </a:p>
          <a:p>
            <a:pPr algn="ctr">
              <a:defRPr/>
            </a:pP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duction </a:t>
            </a:r>
          </a:p>
          <a:p>
            <a:pPr algn="ctr">
              <a:defRPr/>
            </a:pP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 Sr-82</a:t>
            </a:r>
            <a:endParaRPr lang="en-US" sz="1200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16" name="OTLSHAPE_M_f37dfb331cf44909bff180704ea51942_Shape"/>
          <p:cNvSpPr/>
          <p:nvPr>
            <p:custDataLst>
              <p:tags r:id="rId34"/>
            </p:custDataLst>
          </p:nvPr>
        </p:nvSpPr>
        <p:spPr>
          <a:xfrm>
            <a:off x="2965846" y="2615010"/>
            <a:ext cx="114300" cy="13335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4552" name="OTLSHAPE_M_dba9f1cc2041410b849ee590e76c7780_Title"/>
          <p:cNvSpPr txBox="1">
            <a:spLocks noChangeArrowheads="1"/>
          </p:cNvSpPr>
          <p:nvPr>
            <p:custDataLst>
              <p:tags r:id="rId35"/>
            </p:custDataLst>
          </p:nvPr>
        </p:nvSpPr>
        <p:spPr bwMode="auto">
          <a:xfrm>
            <a:off x="3726758" y="1284426"/>
            <a:ext cx="885630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>
                <a:solidFill>
                  <a:srgbClr val="C00000"/>
                </a:solidFill>
              </a:rPr>
              <a:t>ISO -9001</a:t>
            </a:r>
          </a:p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>
                <a:solidFill>
                  <a:srgbClr val="C00000"/>
                </a:solidFill>
              </a:rPr>
              <a:t>certification</a:t>
            </a:r>
          </a:p>
        </p:txBody>
      </p:sp>
      <p:sp>
        <p:nvSpPr>
          <p:cNvPr id="719" name="OTLSHAPE_M_dba9f1cc2041410b849ee590e76c7780_Shape"/>
          <p:cNvSpPr/>
          <p:nvPr>
            <p:custDataLst>
              <p:tags r:id="rId36"/>
            </p:custDataLst>
          </p:nvPr>
        </p:nvSpPr>
        <p:spPr>
          <a:xfrm>
            <a:off x="4133505" y="2554388"/>
            <a:ext cx="114300" cy="13335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20" name="OTLSHAPE_M_d508bc8e7bdc47cbb9f4b176c303be74_Title"/>
          <p:cNvSpPr txBox="1"/>
          <p:nvPr>
            <p:custDataLst>
              <p:tags r:id="rId37"/>
            </p:custDataLst>
          </p:nvPr>
        </p:nvSpPr>
        <p:spPr>
          <a:xfrm>
            <a:off x="4512601" y="1958062"/>
            <a:ext cx="1122362" cy="55399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fr-FR" sz="1200" spc="-3" dirty="0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r-82:</a:t>
            </a:r>
          </a:p>
          <a:p>
            <a:pPr algn="ctr">
              <a:defRPr/>
            </a:pPr>
            <a:r>
              <a:rPr lang="fr-FR" sz="1200" spc="-3" dirty="0">
                <a:solidFill>
                  <a:schemeClr val="dk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DA and GMP agreement </a:t>
            </a:r>
          </a:p>
        </p:txBody>
      </p:sp>
      <p:sp>
        <p:nvSpPr>
          <p:cNvPr id="722" name="OTLSHAPE_M_d508bc8e7bdc47cbb9f4b176c303be74_Shape"/>
          <p:cNvSpPr/>
          <p:nvPr>
            <p:custDataLst>
              <p:tags r:id="rId38"/>
            </p:custDataLst>
          </p:nvPr>
        </p:nvSpPr>
        <p:spPr>
          <a:xfrm>
            <a:off x="4965954" y="2562560"/>
            <a:ext cx="17145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26" name="OTLSHAPE_M_516c2b687a0e49c6ad1a04234904938f_Title"/>
          <p:cNvSpPr txBox="1"/>
          <p:nvPr>
            <p:custDataLst>
              <p:tags r:id="rId39"/>
            </p:custDataLst>
          </p:nvPr>
        </p:nvSpPr>
        <p:spPr>
          <a:xfrm>
            <a:off x="7193746" y="4113370"/>
            <a:ext cx="1182688" cy="553998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fr-FR" sz="1200" spc="-17" dirty="0">
                <a:latin typeface="Times New Roman" panose="02020603050405020304" pitchFamily="18" charset="0"/>
                <a:cs typeface="Times New Roman" panose="02020603050405020304" pitchFamily="18" charset="0"/>
              </a:rPr>
              <a:t>Sr-82 </a:t>
            </a:r>
            <a:r>
              <a:rPr lang="fr-FR" sz="1200" spc="-17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pproved</a:t>
            </a:r>
            <a:r>
              <a:rPr lang="fr-FR" sz="1200" spc="-17" dirty="0">
                <a:latin typeface="Times New Roman" panose="02020603050405020304" pitchFamily="18" charset="0"/>
                <a:cs typeface="Times New Roman" panose="02020603050405020304" pitchFamily="18" charset="0"/>
              </a:rPr>
              <a:t> in  8 </a:t>
            </a:r>
            <a:r>
              <a:rPr lang="fr-FR" sz="1200" spc="-17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european</a:t>
            </a:r>
            <a:r>
              <a:rPr lang="fr-FR" sz="1200" spc="-17" dirty="0">
                <a:latin typeface="Times New Roman" panose="02020603050405020304" pitchFamily="18" charset="0"/>
                <a:cs typeface="Times New Roman" panose="02020603050405020304" pitchFamily="18" charset="0"/>
              </a:rPr>
              <a:t> countries</a:t>
            </a:r>
          </a:p>
        </p:txBody>
      </p:sp>
      <p:sp>
        <p:nvSpPr>
          <p:cNvPr id="729" name="OTLSHAPE_M_18a521d68dbf408f93562c040cf7a4b1_Title"/>
          <p:cNvSpPr txBox="1"/>
          <p:nvPr>
            <p:custDataLst>
              <p:tags r:id="rId40"/>
            </p:custDataLst>
          </p:nvPr>
        </p:nvSpPr>
        <p:spPr>
          <a:xfrm>
            <a:off x="1642791" y="3239418"/>
            <a:ext cx="1647825" cy="18415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fr-FR" altLang="fr-FR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Commissionning</a:t>
            </a:r>
            <a:endParaRPr lang="en-US" sz="1200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0" name="OTLSHAPE_M_18a521d68dbf408f93562c040cf7a4b1_Date"/>
          <p:cNvSpPr txBox="1"/>
          <p:nvPr>
            <p:custDataLst>
              <p:tags r:id="rId41"/>
            </p:custDataLst>
          </p:nvPr>
        </p:nvSpPr>
        <p:spPr>
          <a:xfrm>
            <a:off x="2167911" y="3052804"/>
            <a:ext cx="652239" cy="184666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Jannuary</a:t>
            </a: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1" name="OTLSHAPE_M_18a521d68dbf408f93562c040cf7a4b1_Shape"/>
          <p:cNvSpPr/>
          <p:nvPr>
            <p:custDataLst>
              <p:tags r:id="rId42"/>
            </p:custDataLst>
          </p:nvPr>
        </p:nvSpPr>
        <p:spPr>
          <a:xfrm>
            <a:off x="2339434" y="2936976"/>
            <a:ext cx="114300" cy="13335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4570" name="OTLSHAPE_M_040648a26ff84468a24e7480ad91620e_Title"/>
          <p:cNvSpPr txBox="1">
            <a:spLocks noChangeArrowheads="1"/>
          </p:cNvSpPr>
          <p:nvPr>
            <p:custDataLst>
              <p:tags r:id="rId43"/>
            </p:custDataLst>
          </p:nvPr>
        </p:nvSpPr>
        <p:spPr bwMode="auto">
          <a:xfrm>
            <a:off x="2657131" y="4205207"/>
            <a:ext cx="1590675" cy="7386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/>
              <a:t>Large </a:t>
            </a:r>
            <a:r>
              <a:rPr kumimoji="0" lang="fr-FR" altLang="fr-FR" sz="1200" dirty="0" err="1"/>
              <a:t>projects</a:t>
            </a:r>
            <a:r>
              <a:rPr kumimoji="0" lang="fr-FR" altLang="fr-FR" sz="1200" dirty="0"/>
              <a:t> </a:t>
            </a:r>
            <a:r>
              <a:rPr kumimoji="0" lang="fr-FR" altLang="fr-FR" sz="1200" dirty="0" err="1"/>
              <a:t>funded</a:t>
            </a:r>
            <a:r>
              <a:rPr kumimoji="0" lang="fr-FR" altLang="fr-FR" sz="1200" dirty="0"/>
              <a:t> at the national </a:t>
            </a:r>
            <a:r>
              <a:rPr kumimoji="0" lang="fr-FR" altLang="fr-FR" sz="1200" dirty="0" err="1"/>
              <a:t>level</a:t>
            </a:r>
            <a:r>
              <a:rPr kumimoji="0" lang="fr-FR" altLang="fr-FR" sz="1200" dirty="0"/>
              <a:t> </a:t>
            </a:r>
          </a:p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 err="1"/>
              <a:t>Equipex</a:t>
            </a:r>
            <a:r>
              <a:rPr kumimoji="0" lang="fr-FR" altLang="fr-FR" sz="1200" dirty="0"/>
              <a:t> </a:t>
            </a:r>
            <a:r>
              <a:rPr kumimoji="0" lang="fr-FR" altLang="fr-FR" sz="1200" dirty="0" err="1"/>
              <a:t>ArronaxPlus</a:t>
            </a:r>
            <a:r>
              <a:rPr kumimoji="0" lang="fr-FR" altLang="fr-FR" sz="1200" dirty="0"/>
              <a:t> </a:t>
            </a:r>
          </a:p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 err="1"/>
              <a:t>Labex</a:t>
            </a:r>
            <a:r>
              <a:rPr kumimoji="0" lang="fr-FR" altLang="fr-FR" sz="1200" dirty="0"/>
              <a:t> IRON</a:t>
            </a:r>
          </a:p>
        </p:txBody>
      </p:sp>
      <p:sp>
        <p:nvSpPr>
          <p:cNvPr id="734" name="OTLSHAPE_M_040648a26ff84468a24e7480ad91620e_Shape"/>
          <p:cNvSpPr/>
          <p:nvPr>
            <p:custDataLst>
              <p:tags r:id="rId44"/>
            </p:custDataLst>
          </p:nvPr>
        </p:nvSpPr>
        <p:spPr>
          <a:xfrm>
            <a:off x="3354445" y="2922485"/>
            <a:ext cx="17145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5" name="OTLSHAPE_M_3bdee929928a47ec82ab115ac7f7e690_Title"/>
          <p:cNvSpPr txBox="1"/>
          <p:nvPr>
            <p:custDataLst>
              <p:tags r:id="rId45"/>
            </p:custDataLst>
          </p:nvPr>
        </p:nvSpPr>
        <p:spPr>
          <a:xfrm>
            <a:off x="4130667" y="3218991"/>
            <a:ext cx="1514475" cy="55403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uverture de l’Annexe de la Pharmacie à usage intérieur</a:t>
            </a:r>
            <a:endParaRPr lang="en-US" sz="1200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7" name="OTLSHAPE_M_3bdee929928a47ec82ab115ac7f7e690_Shape"/>
          <p:cNvSpPr/>
          <p:nvPr>
            <p:custDataLst>
              <p:tags r:id="rId46"/>
            </p:custDataLst>
          </p:nvPr>
        </p:nvSpPr>
        <p:spPr>
          <a:xfrm>
            <a:off x="4865727" y="2947015"/>
            <a:ext cx="97791" cy="162205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4579" name="OTLSHAPE_M_2d20d7dcc94f4de2946e4373d494f10b_Title"/>
          <p:cNvSpPr txBox="1">
            <a:spLocks noChangeArrowheads="1"/>
          </p:cNvSpPr>
          <p:nvPr>
            <p:custDataLst>
              <p:tags r:id="rId47"/>
            </p:custDataLst>
          </p:nvPr>
        </p:nvSpPr>
        <p:spPr bwMode="auto">
          <a:xfrm>
            <a:off x="5117826" y="4115776"/>
            <a:ext cx="1355725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algn="ctr"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/>
              <a:t>First </a:t>
            </a:r>
            <a:r>
              <a:rPr kumimoji="0" lang="fr-FR" altLang="fr-FR" sz="1200" dirty="0" err="1"/>
              <a:t>clinical</a:t>
            </a:r>
            <a:r>
              <a:rPr kumimoji="0" lang="fr-FR" altLang="fr-FR" sz="1200" dirty="0"/>
              <a:t> dose </a:t>
            </a:r>
            <a:r>
              <a:rPr kumimoji="0" lang="fr-FR" altLang="fr-FR" sz="1200" dirty="0" err="1"/>
              <a:t>ever</a:t>
            </a:r>
            <a:r>
              <a:rPr kumimoji="0" lang="fr-FR" altLang="fr-FR" sz="1200" dirty="0"/>
              <a:t> </a:t>
            </a:r>
            <a:r>
              <a:rPr kumimoji="0" lang="fr-FR" altLang="fr-FR" sz="1200" dirty="0" err="1"/>
              <a:t>produced</a:t>
            </a:r>
            <a:r>
              <a:rPr kumimoji="0" lang="fr-FR" altLang="fr-FR" sz="1200" dirty="0"/>
              <a:t> at </a:t>
            </a:r>
            <a:r>
              <a:rPr kumimoji="0" lang="fr-FR" altLang="fr-FR" sz="1200" dirty="0" err="1"/>
              <a:t>our</a:t>
            </a:r>
            <a:r>
              <a:rPr kumimoji="0" lang="fr-FR" altLang="fr-FR" sz="1200" dirty="0"/>
              <a:t> site</a:t>
            </a:r>
          </a:p>
        </p:txBody>
      </p:sp>
      <p:sp>
        <p:nvSpPr>
          <p:cNvPr id="740" name="OTLSHAPE_M_2d20d7dcc94f4de2946e4373d494f10b_Shape"/>
          <p:cNvSpPr/>
          <p:nvPr>
            <p:custDataLst>
              <p:tags r:id="rId48"/>
            </p:custDataLst>
          </p:nvPr>
        </p:nvSpPr>
        <p:spPr>
          <a:xfrm flipV="1">
            <a:off x="5708902" y="2929403"/>
            <a:ext cx="114300" cy="13335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43" name="OTLSHAPE_M_531134c2e0824479a13cfb7e6eaeb30c_Shape"/>
          <p:cNvSpPr/>
          <p:nvPr>
            <p:custDataLst>
              <p:tags r:id="rId49"/>
            </p:custDataLst>
          </p:nvPr>
        </p:nvSpPr>
        <p:spPr>
          <a:xfrm>
            <a:off x="6948831" y="2601648"/>
            <a:ext cx="114300" cy="13335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4588" name="Title 1"/>
          <p:cNvSpPr>
            <a:spLocks noGrp="1"/>
          </p:cNvSpPr>
          <p:nvPr>
            <p:ph type="title"/>
          </p:nvPr>
        </p:nvSpPr>
        <p:spPr>
          <a:xfrm>
            <a:off x="2347913" y="14218"/>
            <a:ext cx="7886700" cy="617537"/>
          </a:xfrm>
        </p:spPr>
        <p:txBody>
          <a:bodyPr>
            <a:noAutofit/>
          </a:bodyPr>
          <a:lstStyle/>
          <a:p>
            <a:pPr algn="ctr"/>
            <a:r>
              <a:rPr kumimoji="1" lang="fr-FR" altLang="fr-FR" sz="2800" dirty="0">
                <a:solidFill>
                  <a:srgbClr val="0070C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GIP Arronax </a:t>
            </a:r>
            <a:r>
              <a:rPr kumimoji="1" lang="fr-FR" altLang="fr-FR" sz="2800" dirty="0" err="1">
                <a:solidFill>
                  <a:srgbClr val="0070C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volution</a:t>
            </a:r>
            <a:r>
              <a:rPr kumimoji="1" lang="fr-FR" altLang="fr-FR" sz="2800" dirty="0">
                <a:solidFill>
                  <a:srgbClr val="0070C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in time</a:t>
            </a:r>
            <a:endParaRPr kumimoji="1" lang="en-US" altLang="fr-FR" sz="2800" dirty="0">
              <a:solidFill>
                <a:srgbClr val="0070C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91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8563209" y="2720841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596" name="Rectangle 2"/>
          <p:cNvSpPr>
            <a:spLocks noChangeArrowheads="1"/>
          </p:cNvSpPr>
          <p:nvPr/>
        </p:nvSpPr>
        <p:spPr bwMode="auto">
          <a:xfrm>
            <a:off x="1625416" y="731252"/>
            <a:ext cx="916446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>
              <a:spcBef>
                <a:spcPct val="0"/>
              </a:spcBef>
              <a:buClrTx/>
              <a:buFontTx/>
              <a:buNone/>
            </a:pPr>
            <a:r>
              <a:rPr kumimoji="0" lang="fr-FR" altLang="fr-FR" sz="1200" dirty="0">
                <a:latin typeface="Arial" panose="020B0604020202020204" pitchFamily="34" charset="0"/>
                <a:cs typeface="Arial" panose="020B0604020202020204" pitchFamily="34" charset="0"/>
              </a:rPr>
              <a:t>Projet initial : "</a:t>
            </a:r>
            <a:r>
              <a:rPr kumimoji="0" lang="fr-FR" altLang="fr-FR" sz="1200" b="1" dirty="0">
                <a:latin typeface="Arial" panose="020B0604020202020204" pitchFamily="34" charset="0"/>
                <a:cs typeface="Arial" panose="020B0604020202020204" pitchFamily="34" charset="0"/>
              </a:rPr>
              <a:t>un cyclotron à Nantes pour une recherche à dimension européenne en médecine nucléaire et radiochimie</a:t>
            </a:r>
          </a:p>
        </p:txBody>
      </p:sp>
      <p:cxnSp>
        <p:nvCxnSpPr>
          <p:cNvPr id="65" name="OTLSHAPE_M_dba9f1cc2041410b849ee590e76c7780_Connector1"/>
          <p:cNvCxnSpPr/>
          <p:nvPr>
            <p:custDataLst>
              <p:tags r:id="rId51"/>
            </p:custDataLst>
          </p:nvPr>
        </p:nvCxnSpPr>
        <p:spPr>
          <a:xfrm>
            <a:off x="2019028" y="1968602"/>
            <a:ext cx="0" cy="7588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040648a26ff84468a24e7480ad91620e_Connector1"/>
          <p:cNvCxnSpPr/>
          <p:nvPr>
            <p:custDataLst>
              <p:tags r:id="rId52"/>
            </p:custDataLst>
          </p:nvPr>
        </p:nvCxnSpPr>
        <p:spPr>
          <a:xfrm>
            <a:off x="9067528" y="2981426"/>
            <a:ext cx="0" cy="868362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M_040648a26ff84468a24e7480ad91620e_Shape"/>
          <p:cNvSpPr/>
          <p:nvPr>
            <p:custDataLst>
              <p:tags r:id="rId53"/>
            </p:custDataLst>
          </p:nvPr>
        </p:nvSpPr>
        <p:spPr>
          <a:xfrm>
            <a:off x="7715649" y="2911341"/>
            <a:ext cx="17145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1" name="OTLSHAPE_M_780b5cc5ec854e32ac6a67a30b714185_Title"/>
          <p:cNvSpPr txBox="1"/>
          <p:nvPr>
            <p:custDataLst>
              <p:tags r:id="rId54"/>
            </p:custDataLst>
          </p:nvPr>
        </p:nvSpPr>
        <p:spPr>
          <a:xfrm>
            <a:off x="6394840" y="1096995"/>
            <a:ext cx="1222282" cy="73866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fr-FR" altLang="fr-FR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artners</a:t>
            </a: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of </a:t>
            </a:r>
            <a:r>
              <a:rPr lang="fr-FR" altLang="fr-FR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European</a:t>
            </a: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fr-FR" altLang="fr-FR" sz="12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rojects</a:t>
            </a:r>
            <a:endParaRPr lang="fr-FR" altLang="fr-FR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defRPr/>
            </a:pPr>
            <a:r>
              <a:rPr lang="fr-FR" altLang="fr-FR" sz="1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ISMAP and NOAR</a:t>
            </a:r>
            <a:endParaRPr lang="en-US" sz="1200" spc="-3" dirty="0">
              <a:solidFill>
                <a:schemeClr val="dk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2" name="ZoneTexte 1"/>
          <p:cNvSpPr txBox="1">
            <a:spLocks noChangeArrowheads="1"/>
          </p:cNvSpPr>
          <p:nvPr/>
        </p:nvSpPr>
        <p:spPr bwMode="auto">
          <a:xfrm>
            <a:off x="1615688" y="5260400"/>
            <a:ext cx="8970963" cy="1034129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defTabSz="457200">
              <a:buNone/>
              <a:defRPr/>
            </a:pP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ore than </a:t>
            </a:r>
            <a:r>
              <a:rPr lang="en-GB" altLang="fr-FR" sz="1800" b="1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500 000 patients have benefited of our </a:t>
            </a: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r-82 ain the </a:t>
            </a:r>
            <a:r>
              <a:rPr lang="en-GB" altLang="fr-FR" sz="1800" b="1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SA since </a:t>
            </a: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2</a:t>
            </a:r>
          </a:p>
          <a:p>
            <a:pPr defTabSz="457200">
              <a:buNone/>
              <a:defRPr/>
            </a:pP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ore than </a:t>
            </a:r>
            <a:r>
              <a:rPr lang="en-GB" altLang="fr-FR" sz="1800" b="1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 000 euroepean patients have benefited of our </a:t>
            </a: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r-82 since 2020</a:t>
            </a:r>
          </a:p>
          <a:p>
            <a:pPr defTabSz="457200">
              <a:buNone/>
              <a:defRPr/>
            </a:pPr>
            <a:r>
              <a:rPr lang="en-GB" altLang="fr-FR" sz="1800" kern="0">
                <a:solidFill>
                  <a:prstClr val="whit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ore than 200 clinical doses for clinical trials produced in our radiopharmacy</a:t>
            </a:r>
          </a:p>
        </p:txBody>
      </p:sp>
      <p:sp>
        <p:nvSpPr>
          <p:cNvPr id="70" name="OTLSHAPE_TB_00000000000000000000000000000000_TimescaleInterval8">
            <a:extLst>
              <a:ext uri="{FF2B5EF4-FFF2-40B4-BE49-F238E27FC236}">
                <a16:creationId xmlns:a16="http://schemas.microsoft.com/office/drawing/2014/main" id="{2173396F-5FF2-42C5-A3C5-A6FE21A355F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41102" y="2739073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8</a:t>
            </a:r>
          </a:p>
        </p:txBody>
      </p:sp>
      <p:cxnSp>
        <p:nvCxnSpPr>
          <p:cNvPr id="73" name="OTLSHAPE_M_dba9f1cc2041410b849ee590e76c7780_Connector1">
            <a:extLst>
              <a:ext uri="{FF2B5EF4-FFF2-40B4-BE49-F238E27FC236}">
                <a16:creationId xmlns:a16="http://schemas.microsoft.com/office/drawing/2014/main" id="{4D3A8C81-DE6D-4AB5-BC15-60174F1435D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005981" y="1868588"/>
            <a:ext cx="0" cy="7588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B_00000000000000000000000000000000_TimescaleInterval9">
            <a:extLst>
              <a:ext uri="{FF2B5EF4-FFF2-40B4-BE49-F238E27FC236}">
                <a16:creationId xmlns:a16="http://schemas.microsoft.com/office/drawing/2014/main" id="{502485D6-0B32-44AC-A232-F1D3EF5F766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147834" y="27385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24</a:t>
            </a:r>
          </a:p>
        </p:txBody>
      </p:sp>
      <p:sp>
        <p:nvSpPr>
          <p:cNvPr id="77" name="OTLSHAPE_TB_00000000000000000000000000000000_TimescaleInterval9">
            <a:extLst>
              <a:ext uri="{FF2B5EF4-FFF2-40B4-BE49-F238E27FC236}">
                <a16:creationId xmlns:a16="http://schemas.microsoft.com/office/drawing/2014/main" id="{27EBFA05-4E85-47A9-B1C7-39E81975DA8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649358" y="2738538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23</a:t>
            </a:r>
          </a:p>
        </p:txBody>
      </p:sp>
      <p:sp>
        <p:nvSpPr>
          <p:cNvPr id="78" name="OTLSHAPE_M_516c2b687a0e49c6ad1a04234904938f_Title">
            <a:extLst>
              <a:ext uri="{FF2B5EF4-FFF2-40B4-BE49-F238E27FC236}">
                <a16:creationId xmlns:a16="http://schemas.microsoft.com/office/drawing/2014/main" id="{5A2259AF-D415-49D6-A55C-F3BA1FB402E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894846" y="3358282"/>
            <a:ext cx="926940" cy="184666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fr-FR" sz="1200" spc="-17" dirty="0">
                <a:latin typeface="Times New Roman" panose="02020603050405020304" pitchFamily="18" charset="0"/>
                <a:cs typeface="Times New Roman" panose="02020603050405020304" pitchFamily="18" charset="0"/>
              </a:rPr>
              <a:t>New </a:t>
            </a:r>
            <a:r>
              <a:rPr lang="fr-FR" sz="1200" spc="-17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buldings</a:t>
            </a:r>
            <a:endParaRPr lang="fr-FR" sz="1200" spc="-17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9" name="OTLSHAPE_M_040648a26ff84468a24e7480ad91620e_Shape">
            <a:extLst>
              <a:ext uri="{FF2B5EF4-FFF2-40B4-BE49-F238E27FC236}">
                <a16:creationId xmlns:a16="http://schemas.microsoft.com/office/drawing/2014/main" id="{11ECB54B-586A-4303-B591-BBAB8D977FA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272591" y="2903638"/>
            <a:ext cx="17145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80" name="OTLSHAPE_TB_00000000000000000000000000000000_Separator8">
            <a:extLst>
              <a:ext uri="{FF2B5EF4-FFF2-40B4-BE49-F238E27FC236}">
                <a16:creationId xmlns:a16="http://schemas.microsoft.com/office/drawing/2014/main" id="{D9FD73AF-2020-4C17-B0CB-91893650F7F6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7451324" y="274836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8">
            <a:extLst>
              <a:ext uri="{FF2B5EF4-FFF2-40B4-BE49-F238E27FC236}">
                <a16:creationId xmlns:a16="http://schemas.microsoft.com/office/drawing/2014/main" id="{671FEBB2-1633-43FE-94F4-B3A4A7367C75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595889" y="2755445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Separator8">
            <a:extLst>
              <a:ext uri="{FF2B5EF4-FFF2-40B4-BE49-F238E27FC236}">
                <a16:creationId xmlns:a16="http://schemas.microsoft.com/office/drawing/2014/main" id="{F47EC1CB-9882-4C9C-B94A-B59B59B81C42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060924" y="271541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d508bc8e7bdc47cbb9f4b176c303be74_Connector1">
            <a:extLst>
              <a:ext uri="{FF2B5EF4-FFF2-40B4-BE49-F238E27FC236}">
                <a16:creationId xmlns:a16="http://schemas.microsoft.com/office/drawing/2014/main" id="{6F8A2387-01A8-47B6-9950-D3ACD8A086B3}"/>
              </a:ext>
            </a:extLst>
          </p:cNvPr>
          <p:cNvCxnSpPr>
            <a:cxnSpLocks/>
          </p:cNvCxnSpPr>
          <p:nvPr>
            <p:custDataLst>
              <p:tags r:id="rId64"/>
            </p:custDataLst>
          </p:nvPr>
        </p:nvCxnSpPr>
        <p:spPr>
          <a:xfrm>
            <a:off x="7803393" y="3109220"/>
            <a:ext cx="0" cy="954435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d508bc8e7bdc47cbb9f4b176c303be74_Connector1">
            <a:extLst>
              <a:ext uri="{FF2B5EF4-FFF2-40B4-BE49-F238E27FC236}">
                <a16:creationId xmlns:a16="http://schemas.microsoft.com/office/drawing/2014/main" id="{015659E7-5FF5-4607-A979-42C06EC3E6EF}"/>
              </a:ext>
            </a:extLst>
          </p:cNvPr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3443637" y="3094139"/>
            <a:ext cx="0" cy="954435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9">
            <a:extLst>
              <a:ext uri="{FF2B5EF4-FFF2-40B4-BE49-F238E27FC236}">
                <a16:creationId xmlns:a16="http://schemas.microsoft.com/office/drawing/2014/main" id="{53D42BC0-FE69-4121-92E2-70249F302F8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826291" y="2730013"/>
            <a:ext cx="228600" cy="139700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15" dirty="0">
                <a:solidFill>
                  <a:schemeClr val="l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……..</a:t>
            </a:r>
          </a:p>
        </p:txBody>
      </p:sp>
      <p:sp>
        <p:nvSpPr>
          <p:cNvPr id="88" name="OTLSHAPE_M_516c2b687a0e49c6ad1a04234904938f_Title">
            <a:extLst>
              <a:ext uri="{FF2B5EF4-FFF2-40B4-BE49-F238E27FC236}">
                <a16:creationId xmlns:a16="http://schemas.microsoft.com/office/drawing/2014/main" id="{677ED940-CD94-470A-92C2-141FB6B2A07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785090" y="1818993"/>
            <a:ext cx="1182688" cy="369332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fr-FR" sz="1200" spc="-17" dirty="0">
                <a:latin typeface="Times New Roman" panose="02020603050405020304" pitchFamily="18" charset="0"/>
                <a:cs typeface="Times New Roman" panose="02020603050405020304" pitchFamily="18" charset="0"/>
              </a:rPr>
              <a:t>First in Human Ac225-PSMA-R2</a:t>
            </a:r>
          </a:p>
        </p:txBody>
      </p:sp>
      <p:cxnSp>
        <p:nvCxnSpPr>
          <p:cNvPr id="89" name="OTLSHAPE_M_dba9f1cc2041410b849ee590e76c7780_Connector1">
            <a:extLst>
              <a:ext uri="{FF2B5EF4-FFF2-40B4-BE49-F238E27FC236}">
                <a16:creationId xmlns:a16="http://schemas.microsoft.com/office/drawing/2014/main" id="{0123657D-F415-4F93-93B3-7209266EFA14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8358316" y="2201088"/>
            <a:ext cx="0" cy="4263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M_531134c2e0824479a13cfb7e6eaeb30c_Shape">
            <a:extLst>
              <a:ext uri="{FF2B5EF4-FFF2-40B4-BE49-F238E27FC236}">
                <a16:creationId xmlns:a16="http://schemas.microsoft.com/office/drawing/2014/main" id="{CFED6D4C-75C6-453A-AD82-7D3F90DED0E1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319284" y="2579157"/>
            <a:ext cx="114300" cy="13335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2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73235463"/>
      </p:ext>
    </p:extLst>
  </p:cSld>
  <p:clrMapOvr>
    <a:masterClrMapping/>
  </p:clrMapOvr>
  <p:transition spd="slow" advTm="263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7"/>
          <p:cNvSpPr>
            <a:spLocks noChangeArrowheads="1"/>
          </p:cNvSpPr>
          <p:nvPr/>
        </p:nvSpPr>
        <p:spPr bwMode="auto">
          <a:xfrm>
            <a:off x="1379538" y="647019"/>
            <a:ext cx="9144000" cy="10075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342891" indent="-342891" algn="ctr">
              <a:spcBef>
                <a:spcPct val="20000"/>
              </a:spcBef>
              <a:defRPr/>
            </a:pPr>
            <a:endParaRPr lang="en-GB" altLang="fr-FR" sz="2800" dirty="0">
              <a:latin typeface="Times" pitchFamily="18" charset="0"/>
            </a:endParaRPr>
          </a:p>
        </p:txBody>
      </p:sp>
      <p:sp>
        <p:nvSpPr>
          <p:cNvPr id="7" name="Rectangle 7"/>
          <p:cNvSpPr>
            <a:spLocks noChangeArrowheads="1"/>
          </p:cNvSpPr>
          <p:nvPr/>
        </p:nvSpPr>
        <p:spPr bwMode="auto">
          <a:xfrm>
            <a:off x="0" y="19051"/>
            <a:ext cx="12192000" cy="787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>
              <a:lnSpc>
                <a:spcPct val="90000"/>
              </a:lnSpc>
              <a:spcBef>
                <a:spcPct val="0"/>
              </a:spcBef>
              <a:defRPr/>
            </a:pPr>
            <a:r>
              <a:rPr kumimoji="1" lang="en-GB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ARRONAX: </a:t>
            </a:r>
            <a:r>
              <a:rPr kumimoji="1" lang="en-GB" altLang="fr-FR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A</a:t>
            </a:r>
            <a:r>
              <a:rPr lang="en-GB" altLang="fr-FR" sz="2800" dirty="0">
                <a:latin typeface="Times" pitchFamily="18" charset="0"/>
              </a:rPr>
              <a:t>ccelerator for </a:t>
            </a:r>
            <a:r>
              <a:rPr kumimoji="1" lang="en-GB" altLang="fr-FR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R</a:t>
            </a:r>
            <a:r>
              <a:rPr lang="en-GB" altLang="fr-FR" sz="2800" dirty="0">
                <a:latin typeface="Times" pitchFamily="18" charset="0"/>
              </a:rPr>
              <a:t>esearch in </a:t>
            </a:r>
            <a:r>
              <a:rPr kumimoji="1" lang="en-GB" altLang="fr-FR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R</a:t>
            </a:r>
            <a:r>
              <a:rPr lang="en-GB" altLang="fr-FR" sz="2800" dirty="0">
                <a:latin typeface="Times" pitchFamily="18" charset="0"/>
              </a:rPr>
              <a:t>adiochemistry and </a:t>
            </a:r>
            <a:r>
              <a:rPr kumimoji="1" lang="en-GB" altLang="fr-FR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O</a:t>
            </a:r>
            <a:r>
              <a:rPr lang="en-GB" altLang="fr-FR" sz="2800" dirty="0">
                <a:latin typeface="Times" pitchFamily="18" charset="0"/>
              </a:rPr>
              <a:t>ncology at </a:t>
            </a:r>
            <a:r>
              <a:rPr kumimoji="1" lang="en-GB" altLang="fr-FR" sz="2800" b="1" kern="0" dirty="0">
                <a:solidFill>
                  <a:srgbClr val="008000"/>
                </a:solidFill>
                <a:latin typeface="+mj-lt"/>
                <a:ea typeface="+mj-ea"/>
                <a:cs typeface="+mj-cs"/>
              </a:rPr>
              <a:t>N</a:t>
            </a:r>
            <a:r>
              <a:rPr lang="en-GB" altLang="fr-FR" sz="2800" dirty="0">
                <a:latin typeface="Times" pitchFamily="18" charset="0"/>
              </a:rPr>
              <a:t>antes </a:t>
            </a:r>
            <a:r>
              <a:rPr kumimoji="1" lang="en-GB" altLang="fr-FR" sz="2800" b="1" kern="0" dirty="0" err="1">
                <a:solidFill>
                  <a:srgbClr val="008000"/>
                </a:solidFill>
                <a:latin typeface="+mj-lt"/>
                <a:ea typeface="+mj-ea"/>
                <a:cs typeface="+mj-cs"/>
              </a:rPr>
              <a:t>A</a:t>
            </a:r>
            <a:r>
              <a:rPr lang="en-GB" altLang="fr-FR" sz="2800" dirty="0" err="1">
                <a:latin typeface="Times" pitchFamily="18" charset="0"/>
              </a:rPr>
              <a:t>tlanti</a:t>
            </a:r>
            <a:r>
              <a:rPr kumimoji="1" lang="en-GB" altLang="fr-FR" sz="2800" b="1" kern="0" dirty="0" err="1">
                <a:solidFill>
                  <a:srgbClr val="008000"/>
                </a:solidFill>
                <a:latin typeface="+mj-lt"/>
                <a:ea typeface="+mj-ea"/>
                <a:cs typeface="+mj-cs"/>
              </a:rPr>
              <a:t>X</a:t>
            </a:r>
            <a:endParaRPr lang="en-GB" altLang="fr-FR" sz="2800" dirty="0">
              <a:latin typeface="Times" pitchFamily="18" charset="0"/>
            </a:endParaRPr>
          </a:p>
          <a:p>
            <a:pPr algn="ctr">
              <a:lnSpc>
                <a:spcPct val="90000"/>
              </a:lnSpc>
              <a:spcBef>
                <a:spcPct val="0"/>
              </a:spcBef>
              <a:defRPr/>
            </a:pPr>
            <a:endParaRPr kumimoji="1" lang="en-GB" altLang="fr-FR" sz="2800" b="1" kern="0" dirty="0">
              <a:solidFill>
                <a:srgbClr val="008000"/>
              </a:solidFill>
              <a:latin typeface="+mj-lt"/>
              <a:ea typeface="+mj-ea"/>
              <a:cs typeface="+mj-cs"/>
            </a:endParaRPr>
          </a:p>
        </p:txBody>
      </p:sp>
      <p:grpSp>
        <p:nvGrpSpPr>
          <p:cNvPr id="15" name="Group 21">
            <a:extLst>
              <a:ext uri="{FF2B5EF4-FFF2-40B4-BE49-F238E27FC236}">
                <a16:creationId xmlns:a16="http://schemas.microsoft.com/office/drawing/2014/main" id="{556D772C-34E2-4D2B-82AD-D34C79701781}"/>
              </a:ext>
            </a:extLst>
          </p:cNvPr>
          <p:cNvGrpSpPr>
            <a:grpSpLocks/>
          </p:cNvGrpSpPr>
          <p:nvPr/>
        </p:nvGrpSpPr>
        <p:grpSpPr bwMode="auto">
          <a:xfrm>
            <a:off x="7758587" y="810842"/>
            <a:ext cx="3877491" cy="2901950"/>
            <a:chOff x="567" y="2478"/>
            <a:chExt cx="2767" cy="1828"/>
          </a:xfrm>
        </p:grpSpPr>
        <p:pic>
          <p:nvPicPr>
            <p:cNvPr id="16" name="Picture 17">
              <a:extLst>
                <a:ext uri="{FF2B5EF4-FFF2-40B4-BE49-F238E27FC236}">
                  <a16:creationId xmlns:a16="http://schemas.microsoft.com/office/drawing/2014/main" id="{63D891AC-615B-44F1-B702-BDF03BC192F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79" y="2478"/>
              <a:ext cx="1555" cy="182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7" name="Picture 18">
              <a:extLst>
                <a:ext uri="{FF2B5EF4-FFF2-40B4-BE49-F238E27FC236}">
                  <a16:creationId xmlns:a16="http://schemas.microsoft.com/office/drawing/2014/main" id="{2DCE7812-E3CD-4B20-8C98-209CAD7C3D2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79" y="3217"/>
              <a:ext cx="725" cy="108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18" name="Text Box 20">
              <a:extLst>
                <a:ext uri="{FF2B5EF4-FFF2-40B4-BE49-F238E27FC236}">
                  <a16:creationId xmlns:a16="http://schemas.microsoft.com/office/drawing/2014/main" id="{D15E5029-6771-4878-8A69-C719EA0060D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67" y="3339"/>
              <a:ext cx="1451" cy="44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>
              <a:spAutoFit/>
            </a:bodyPr>
            <a:lstStyle>
              <a:lvl1pPr marL="342900" indent="-342900" algn="l"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1pPr>
              <a:lvl2pPr algn="l"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2pPr>
              <a:lvl3pPr algn="l"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3pPr>
              <a:lvl4pPr algn="l"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4pPr>
              <a:lvl5pPr algn="l"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anose="02020603050405020304" pitchFamily="18" charset="0"/>
                </a:defRPr>
              </a:lvl9pPr>
            </a:lstStyle>
            <a:p>
              <a:pPr algn="just">
                <a:spcBef>
                  <a:spcPct val="50000"/>
                </a:spcBef>
              </a:pPr>
              <a:r>
                <a:rPr lang="en-GB" altLang="fr-FR" sz="2000" dirty="0">
                  <a:latin typeface="Arial" panose="020B0604020202020204" pitchFamily="34" charset="0"/>
                </a:rPr>
                <a:t>Professor ARONNAX</a:t>
              </a:r>
            </a:p>
          </p:txBody>
        </p:sp>
      </p:grpSp>
      <p:sp>
        <p:nvSpPr>
          <p:cNvPr id="19" name="Rectangle 22">
            <a:extLst>
              <a:ext uri="{FF2B5EF4-FFF2-40B4-BE49-F238E27FC236}">
                <a16:creationId xmlns:a16="http://schemas.microsoft.com/office/drawing/2014/main" id="{52A078C4-5E1A-4582-96D8-70EED40DA4B2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0275" y="1362072"/>
            <a:ext cx="6908800" cy="16312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 marL="342900" indent="-342900" algn="l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algn="l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algn="l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algn="l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algn="l"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marL="0" algn="just"/>
            <a:r>
              <a:rPr lang="en-GB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The name ARRONAX is a tribute to </a:t>
            </a:r>
            <a:r>
              <a:rPr lang="en-GB" altLang="fr-FR" sz="2000" b="1" dirty="0">
                <a:latin typeface="Times" panose="02020603050405020304" pitchFamily="18" charset="0"/>
                <a:cs typeface="Times" panose="02020603050405020304" pitchFamily="18" charset="0"/>
              </a:rPr>
              <a:t>Jules Verne, born in Nantes in</a:t>
            </a:r>
            <a:r>
              <a:rPr lang="en-GB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 1828.</a:t>
            </a:r>
          </a:p>
          <a:p>
            <a:pPr algn="just"/>
            <a:endParaRPr lang="en-GB" altLang="fr-FR" sz="2000" b="1" dirty="0">
              <a:solidFill>
                <a:schemeClr val="accent2"/>
              </a:solidFill>
              <a:latin typeface="Times" panose="02020603050405020304" pitchFamily="18" charset="0"/>
              <a:cs typeface="Times" panose="02020603050405020304" pitchFamily="18" charset="0"/>
            </a:endParaRPr>
          </a:p>
          <a:p>
            <a:pPr marL="0" algn="just"/>
            <a:r>
              <a:rPr lang="en-GB" altLang="fr-FR" sz="2000" b="1" dirty="0" err="1">
                <a:latin typeface="Times" panose="02020603050405020304" pitchFamily="18" charset="0"/>
                <a:cs typeface="Times" panose="02020603050405020304" pitchFamily="18" charset="0"/>
              </a:rPr>
              <a:t>Aronnax</a:t>
            </a:r>
            <a:r>
              <a:rPr lang="en-GB" altLang="fr-FR" sz="2000" dirty="0">
                <a:latin typeface="Times" panose="02020603050405020304" pitchFamily="18" charset="0"/>
                <a:cs typeface="Times" panose="02020603050405020304" pitchFamily="18" charset="0"/>
              </a:rPr>
              <a:t> is the name of the main character of the novel «twenty thousands leagues under the sea » published in </a:t>
            </a:r>
            <a:r>
              <a:rPr lang="en-GB" sz="2000" dirty="0">
                <a:latin typeface="Times" panose="02020603050405020304" pitchFamily="18" charset="0"/>
                <a:cs typeface="Times" panose="02020603050405020304" pitchFamily="18" charset="0"/>
              </a:rPr>
              <a:t>1870</a:t>
            </a:r>
            <a:endParaRPr lang="en-GB" altLang="fr-FR" sz="2000" dirty="0">
              <a:latin typeface="Times" panose="02020603050405020304" pitchFamily="18" charset="0"/>
              <a:cs typeface="Times" panose="02020603050405020304" pitchFamily="18" charset="0"/>
            </a:endParaRPr>
          </a:p>
        </p:txBody>
      </p:sp>
      <p:sp>
        <p:nvSpPr>
          <p:cNvPr id="12" name="Text Box 8">
            <a:extLst>
              <a:ext uri="{FF2B5EF4-FFF2-40B4-BE49-F238E27FC236}">
                <a16:creationId xmlns:a16="http://schemas.microsoft.com/office/drawing/2014/main" id="{D3ED380E-504E-4032-B401-327DC6BEA57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21134" y="3864713"/>
            <a:ext cx="8660807" cy="249299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eaLnBrk="1" hangingPunct="1">
              <a:spcBef>
                <a:spcPct val="0"/>
              </a:spcBef>
              <a:buClrTx/>
              <a:buNone/>
            </a:pPr>
            <a:r>
              <a:rPr kumimoji="0" lang="en-GB" altLang="fr-FR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3 main fields of investigations :</a:t>
            </a:r>
          </a:p>
          <a:p>
            <a:pPr marL="342900" indent="-342900" eaLnBrk="1" hangingPunct="1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endParaRPr kumimoji="0" lang="en-GB" altLang="fr-FR" dirty="0"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marL="1085850" lvl="1" indent="-342900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r>
              <a:rPr kumimoji="0" lang="en-GB" altLang="fr-FR" sz="18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adionuclides</a:t>
            </a:r>
            <a:r>
              <a:rPr kumimoji="0" lang="en-GB" altLang="fr-FR" sz="18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and</a:t>
            </a:r>
            <a:r>
              <a:rPr kumimoji="0" lang="en-GB" altLang="fr-FR" sz="18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radiopharmaceuticals production </a:t>
            </a:r>
            <a:r>
              <a:rPr kumimoji="0" lang="en-GB" altLang="fr-FR" sz="1800" dirty="0">
                <a:solidFill>
                  <a:schemeClr val="tx2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for nuclear medicine </a:t>
            </a:r>
          </a:p>
          <a:p>
            <a:pPr marL="1085850" lvl="1" indent="-342900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endParaRPr kumimoji="0" lang="en-GB" altLang="fr-FR" sz="1800" dirty="0">
              <a:solidFill>
                <a:srgbClr val="FF0000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marL="1085850" lvl="1" indent="-342900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r>
              <a:rPr kumimoji="0" lang="en-GB" altLang="fr-FR" sz="18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esearch in related fields using our beams: </a:t>
            </a:r>
            <a:r>
              <a:rPr kumimoji="0" lang="en-GB" altLang="fr-FR" sz="18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Radiolysis, Radiobiology, nuclear physics, …</a:t>
            </a:r>
          </a:p>
          <a:p>
            <a:pPr marL="1085850" lvl="1" indent="-342900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endParaRPr kumimoji="0" lang="en-GB" altLang="fr-FR" sz="1800" dirty="0">
              <a:solidFill>
                <a:srgbClr val="FF0000"/>
              </a:solidFill>
              <a:latin typeface="Times" panose="02020603050405020304" pitchFamily="18" charset="0"/>
              <a:ea typeface="ＭＳ Ｐゴシック" panose="020B0600070205080204" pitchFamily="34" charset="-128"/>
              <a:cs typeface="Times" panose="02020603050405020304" pitchFamily="18" charset="0"/>
            </a:endParaRPr>
          </a:p>
          <a:p>
            <a:pPr marL="1085850" lvl="1" indent="-342900">
              <a:spcBef>
                <a:spcPct val="0"/>
              </a:spcBef>
              <a:buClrTx/>
              <a:buFont typeface="Wingdings" panose="05000000000000000000" pitchFamily="2" charset="2"/>
              <a:buChar char="ü"/>
            </a:pPr>
            <a:r>
              <a:rPr kumimoji="0" lang="en-GB" altLang="fr-FR" sz="1800" dirty="0">
                <a:solidFill>
                  <a:srgbClr val="FF0000"/>
                </a:solidFill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Training of students</a:t>
            </a:r>
            <a:r>
              <a:rPr kumimoji="0" lang="en-GB" altLang="fr-FR" sz="1800" dirty="0">
                <a:latin typeface="Times" panose="02020603050405020304" pitchFamily="18" charset="0"/>
                <a:ea typeface="ＭＳ Ｐゴシック" panose="020B0600070205080204" pitchFamily="34" charset="-128"/>
                <a:cs typeface="Times" panose="02020603050405020304" pitchFamily="18" charset="0"/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0376969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707" name="Rectangle 4"/>
          <p:cNvSpPr>
            <a:spLocks noChangeArrowheads="1"/>
          </p:cNvSpPr>
          <p:nvPr/>
        </p:nvSpPr>
        <p:spPr bwMode="auto">
          <a:xfrm>
            <a:off x="604787" y="2416019"/>
            <a:ext cx="10982426" cy="28007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sz="2000" dirty="0"/>
              <a:t>The </a:t>
            </a:r>
            <a:r>
              <a:rPr kumimoji="0" lang="en-US" altLang="fr-FR" sz="2000" b="1" dirty="0"/>
              <a:t>ARRONAX</a:t>
            </a:r>
            <a:r>
              <a:rPr kumimoji="0" lang="en-US" altLang="fr-FR" sz="2000" dirty="0"/>
              <a:t> project is supported by:</a:t>
            </a:r>
          </a:p>
          <a:p>
            <a:pPr lvl="1"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dirty="0"/>
              <a:t>the </a:t>
            </a:r>
            <a:r>
              <a:rPr kumimoji="0" lang="en-US" altLang="fr-FR" b="1" dirty="0"/>
              <a:t>Regional Council of Pays de la Loire</a:t>
            </a:r>
          </a:p>
          <a:p>
            <a:pPr lvl="1"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dirty="0"/>
              <a:t>the </a:t>
            </a:r>
            <a:r>
              <a:rPr kumimoji="0" lang="en-US" altLang="fr-FR" b="1" dirty="0" err="1"/>
              <a:t>Université</a:t>
            </a:r>
            <a:r>
              <a:rPr kumimoji="0" lang="en-US" altLang="fr-FR" b="1" dirty="0"/>
              <a:t> de Nantes</a:t>
            </a:r>
          </a:p>
          <a:p>
            <a:pPr lvl="1"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dirty="0"/>
              <a:t>the </a:t>
            </a:r>
            <a:r>
              <a:rPr kumimoji="0" lang="en-US" altLang="fr-FR" b="1" dirty="0"/>
              <a:t>French government</a:t>
            </a:r>
            <a:r>
              <a:rPr kumimoji="0" lang="en-US" altLang="fr-FR" dirty="0"/>
              <a:t> (CNRS, INSERM)</a:t>
            </a:r>
          </a:p>
          <a:p>
            <a:pPr lvl="1"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dirty="0"/>
              <a:t>the </a:t>
            </a:r>
            <a:r>
              <a:rPr kumimoji="0" lang="en-US" altLang="fr-FR" b="1" dirty="0"/>
              <a:t>European Union</a:t>
            </a:r>
            <a:r>
              <a:rPr kumimoji="0" lang="en-US" altLang="fr-FR" dirty="0"/>
              <a:t>.</a:t>
            </a:r>
          </a:p>
          <a:p>
            <a:pPr lvl="1"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endParaRPr kumimoji="0" lang="en-US" altLang="fr-FR" dirty="0"/>
          </a:p>
          <a:p>
            <a:pPr fontAlgn="base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r>
              <a:rPr kumimoji="0" lang="en-US" altLang="fr-FR" sz="2000" dirty="0"/>
              <a:t>This work has been, in part, supported by grants from the French National Agency for Research (ANR):</a:t>
            </a:r>
          </a:p>
          <a:p>
            <a:pPr marL="342900" indent="-342900" fontAlgn="base">
              <a:spcBef>
                <a:spcPct val="0"/>
              </a:spcBef>
              <a:spcAft>
                <a:spcPct val="0"/>
              </a:spcAft>
              <a:buClrTx/>
              <a:defRPr/>
            </a:pPr>
            <a:r>
              <a:rPr kumimoji="0" lang="en-US" altLang="fr-FR" sz="1800" i="1" dirty="0"/>
              <a:t> "</a:t>
            </a:r>
            <a:r>
              <a:rPr kumimoji="0" lang="en-US" altLang="fr-FR" sz="1800" i="1" dirty="0" err="1"/>
              <a:t>Investissements</a:t>
            </a:r>
            <a:r>
              <a:rPr kumimoji="0" lang="en-US" altLang="fr-FR" sz="1800" i="1" dirty="0"/>
              <a:t> </a:t>
            </a:r>
            <a:r>
              <a:rPr kumimoji="0" lang="en-US" altLang="fr-FR" sz="1800" i="1" dirty="0" err="1"/>
              <a:t>d'Avenir</a:t>
            </a:r>
            <a:r>
              <a:rPr kumimoji="0" lang="en-US" altLang="fr-FR" sz="1800" i="1" dirty="0"/>
              <a:t>", </a:t>
            </a:r>
            <a:r>
              <a:rPr kumimoji="0" lang="en-US" altLang="fr-FR" sz="1800" i="1" dirty="0" err="1"/>
              <a:t>Equipex</a:t>
            </a:r>
            <a:r>
              <a:rPr kumimoji="0" lang="en-US" altLang="fr-FR" sz="1800" i="1" dirty="0"/>
              <a:t> Arronax-Plus noANR-11-EQPX-0004, </a:t>
            </a:r>
            <a:r>
              <a:rPr kumimoji="0" lang="en-US" altLang="fr-FR" sz="1800" i="1" dirty="0" err="1"/>
              <a:t>Labex</a:t>
            </a:r>
            <a:r>
              <a:rPr kumimoji="0" lang="en-US" altLang="fr-FR" sz="1800" i="1" dirty="0"/>
              <a:t> IRON noANR-11-LABX-18-01.</a:t>
            </a:r>
            <a:endParaRPr kumimoji="0" lang="en-US" sz="1800" i="1" dirty="0"/>
          </a:p>
          <a:p>
            <a:pPr marL="285750" indent="-285750" fontAlgn="base">
              <a:spcBef>
                <a:spcPct val="0"/>
              </a:spcBef>
              <a:spcAft>
                <a:spcPct val="0"/>
              </a:spcAft>
              <a:buClrTx/>
              <a:defRPr/>
            </a:pPr>
            <a:r>
              <a:rPr lang="en-US" sz="1800" b="0" i="1" u="none" strike="noStrike" baseline="0" dirty="0"/>
              <a:t>"France 2030 investment plan" under the references I-SITE </a:t>
            </a:r>
            <a:r>
              <a:rPr lang="en-US" sz="1800" b="0" i="1" u="none" strike="noStrike" baseline="0" dirty="0" err="1"/>
              <a:t>NExT</a:t>
            </a:r>
            <a:r>
              <a:rPr lang="en-US" sz="1800" b="0" i="1" u="none" strike="noStrike" baseline="0" dirty="0"/>
              <a:t> (ANR-16-IDEX-0007) and </a:t>
            </a:r>
            <a:r>
              <a:rPr lang="en-US" sz="1800" b="0" i="1" u="none" strike="noStrike" baseline="0" dirty="0" err="1"/>
              <a:t>Labex</a:t>
            </a:r>
            <a:r>
              <a:rPr lang="en-US" sz="1800" b="0" i="1" u="none" strike="noStrike" baseline="0" dirty="0"/>
              <a:t> DHOLMEN.</a:t>
            </a:r>
            <a:r>
              <a:rPr lang="en-US" sz="1800" b="0" i="0" u="none" strike="noStrike" baseline="0" dirty="0"/>
              <a:t> </a:t>
            </a:r>
            <a:endParaRPr kumimoji="0" lang="en-US" alt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56310" y="5831703"/>
            <a:ext cx="7625914" cy="609595"/>
          </a:xfrm>
          <a:prstGeom prst="rect">
            <a:avLst/>
          </a:prstGeom>
          <a:noFill/>
        </p:spPr>
      </p:pic>
      <p:sp>
        <p:nvSpPr>
          <p:cNvPr id="5" name="Rectangle 2">
            <a:extLst>
              <a:ext uri="{FF2B5EF4-FFF2-40B4-BE49-F238E27FC236}">
                <a16:creationId xmlns:a16="http://schemas.microsoft.com/office/drawing/2014/main" id="{7A5DC4E6-74F1-4A63-ADE3-DBF32FD464EB}"/>
              </a:ext>
            </a:extLst>
          </p:cNvPr>
          <p:cNvSpPr txBox="1">
            <a:spLocks noChangeArrowheads="1"/>
          </p:cNvSpPr>
          <p:nvPr/>
        </p:nvSpPr>
        <p:spPr>
          <a:xfrm>
            <a:off x="0" y="908051"/>
            <a:ext cx="11713946" cy="147002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kern="1200">
                <a:solidFill>
                  <a:srgbClr val="E95355"/>
                </a:solidFill>
                <a:latin typeface="+mn-lt"/>
                <a:ea typeface="+mj-ea"/>
                <a:cs typeface="+mj-cs"/>
              </a:defRPr>
            </a:lvl1pPr>
          </a:lstStyle>
          <a:p>
            <a:pPr algn="ctr"/>
            <a:r>
              <a:rPr lang="fr-FR" altLang="fr-FR" sz="4800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ank</a:t>
            </a:r>
            <a:r>
              <a:rPr lang="fr-FR" altLang="fr-FR" sz="48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fr-FR" altLang="fr-FR" sz="4800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ou</a:t>
            </a:r>
            <a:r>
              <a:rPr lang="fr-FR" altLang="fr-FR" sz="48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for </a:t>
            </a:r>
            <a:r>
              <a:rPr lang="fr-FR" altLang="fr-FR" sz="4800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our</a:t>
            </a:r>
            <a:r>
              <a:rPr lang="fr-FR" altLang="fr-FR" sz="48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attention</a:t>
            </a:r>
          </a:p>
        </p:txBody>
      </p:sp>
    </p:spTree>
    <p:extLst>
      <p:ext uri="{BB962C8B-B14F-4D97-AF65-F5344CB8AC3E}">
        <p14:creationId xmlns:p14="http://schemas.microsoft.com/office/powerpoint/2010/main" val="34891587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Z:\Photos Arronax\Vue Grand angle\DSC_0147_2.JPG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74629" y="873209"/>
            <a:ext cx="2512340" cy="2034538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36867" name="ZoneTexte 2"/>
          <p:cNvSpPr txBox="1">
            <a:spLocks noChangeArrowheads="1"/>
          </p:cNvSpPr>
          <p:nvPr/>
        </p:nvSpPr>
        <p:spPr bwMode="auto">
          <a:xfrm>
            <a:off x="1524000" y="1"/>
            <a:ext cx="9144000" cy="720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20000"/>
              </a:spcBef>
              <a:buFontTx/>
              <a:buNone/>
            </a:pPr>
            <a:r>
              <a:rPr kumimoji="1" lang="fr-FR" altLang="fr-FR" b="1" dirty="0">
                <a:solidFill>
                  <a:srgbClr val="008000"/>
                </a:solidFill>
                <a:latin typeface="Calibri Light" panose="020F0302020204030204" pitchFamily="34" charset="0"/>
              </a:rPr>
              <a:t>Arronax un accélérateur dédiés à la recherche en santé</a:t>
            </a:r>
          </a:p>
        </p:txBody>
      </p:sp>
      <p:sp>
        <p:nvSpPr>
          <p:cNvPr id="36868" name="ZoneTexte 3"/>
          <p:cNvSpPr txBox="1">
            <a:spLocks noChangeArrowheads="1"/>
          </p:cNvSpPr>
          <p:nvPr/>
        </p:nvSpPr>
        <p:spPr bwMode="auto">
          <a:xfrm>
            <a:off x="2757488" y="3786188"/>
            <a:ext cx="2514600" cy="400050"/>
          </a:xfrm>
          <a:prstGeom prst="rect">
            <a:avLst/>
          </a:prstGeom>
          <a:noFill/>
          <a:ln w="38100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2000" b="1">
                <a:solidFill>
                  <a:srgbClr val="843C0C"/>
                </a:solidFill>
              </a:rPr>
              <a:t>Production d’isotopes</a:t>
            </a:r>
          </a:p>
        </p:txBody>
      </p:sp>
      <p:sp>
        <p:nvSpPr>
          <p:cNvPr id="36869" name="ZoneTexte 5"/>
          <p:cNvSpPr txBox="1">
            <a:spLocks noChangeArrowheads="1"/>
          </p:cNvSpPr>
          <p:nvPr/>
        </p:nvSpPr>
        <p:spPr bwMode="auto">
          <a:xfrm>
            <a:off x="2097089" y="4608514"/>
            <a:ext cx="3322637" cy="922337"/>
          </a:xfrm>
          <a:prstGeom prst="rect">
            <a:avLst/>
          </a:prstGeom>
          <a:noFill/>
          <a:ln w="57150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>
                <a:solidFill>
                  <a:srgbClr val="7030A0"/>
                </a:solidFill>
              </a:rPr>
              <a:t>Médecine nucléair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Recherche en physique nucléaire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Recherche en chimie nucléaire</a:t>
            </a:r>
          </a:p>
        </p:txBody>
      </p:sp>
      <p:sp>
        <p:nvSpPr>
          <p:cNvPr id="36870" name="ZoneTexte 6"/>
          <p:cNvSpPr txBox="1">
            <a:spLocks noChangeArrowheads="1"/>
          </p:cNvSpPr>
          <p:nvPr/>
        </p:nvSpPr>
        <p:spPr bwMode="auto">
          <a:xfrm>
            <a:off x="6716713" y="3776663"/>
            <a:ext cx="2755900" cy="400050"/>
          </a:xfrm>
          <a:prstGeom prst="rect">
            <a:avLst/>
          </a:prstGeom>
          <a:noFill/>
          <a:ln w="38100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2000" b="1">
                <a:solidFill>
                  <a:srgbClr val="843C0C"/>
                </a:solidFill>
              </a:rPr>
              <a:t>Utilisation des faisceaux</a:t>
            </a:r>
          </a:p>
        </p:txBody>
      </p:sp>
      <p:sp>
        <p:nvSpPr>
          <p:cNvPr id="36871" name="ZoneTexte 7"/>
          <p:cNvSpPr txBox="1">
            <a:spLocks noChangeArrowheads="1"/>
          </p:cNvSpPr>
          <p:nvPr/>
        </p:nvSpPr>
        <p:spPr bwMode="auto">
          <a:xfrm>
            <a:off x="6122989" y="4608514"/>
            <a:ext cx="1608137" cy="922337"/>
          </a:xfrm>
          <a:prstGeom prst="rect">
            <a:avLst/>
          </a:prstGeom>
          <a:noFill/>
          <a:ln w="57150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Radiobiologi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Radiolys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Protonthérapie</a:t>
            </a:r>
          </a:p>
        </p:txBody>
      </p:sp>
      <p:sp>
        <p:nvSpPr>
          <p:cNvPr id="36872" name="ZoneTexte 8"/>
          <p:cNvSpPr txBox="1">
            <a:spLocks noChangeArrowheads="1"/>
          </p:cNvSpPr>
          <p:nvPr/>
        </p:nvSpPr>
        <p:spPr bwMode="auto">
          <a:xfrm>
            <a:off x="8156576" y="4608514"/>
            <a:ext cx="2365375" cy="922337"/>
          </a:xfrm>
          <a:prstGeom prst="rect">
            <a:avLst/>
          </a:prstGeom>
          <a:noFill/>
          <a:ln w="57150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 defTabSz="4572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4572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Contrôle non destructif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Endommagement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>
                <a:solidFill>
                  <a:srgbClr val="000000"/>
                </a:solidFill>
              </a:rPr>
              <a:t>Tests de détecteurs</a:t>
            </a:r>
          </a:p>
        </p:txBody>
      </p:sp>
      <p:cxnSp>
        <p:nvCxnSpPr>
          <p:cNvPr id="13" name="Connecteur droit avec flèche 12"/>
          <p:cNvCxnSpPr>
            <a:cxnSpLocks/>
          </p:cNvCxnSpPr>
          <p:nvPr/>
        </p:nvCxnSpPr>
        <p:spPr>
          <a:xfrm>
            <a:off x="5930901" y="3008314"/>
            <a:ext cx="2049463" cy="625475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Connecteur droit avec flèche 14"/>
          <p:cNvCxnSpPr/>
          <p:nvPr/>
        </p:nvCxnSpPr>
        <p:spPr>
          <a:xfrm flipH="1">
            <a:off x="3836989" y="4265614"/>
            <a:ext cx="1587" cy="230187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eur droit avec flèche 23"/>
          <p:cNvCxnSpPr/>
          <p:nvPr/>
        </p:nvCxnSpPr>
        <p:spPr>
          <a:xfrm flipH="1">
            <a:off x="6910389" y="4262438"/>
            <a:ext cx="1587" cy="22860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eur droit avec flèche 24"/>
          <p:cNvCxnSpPr/>
          <p:nvPr/>
        </p:nvCxnSpPr>
        <p:spPr>
          <a:xfrm flipH="1">
            <a:off x="9337675" y="4276725"/>
            <a:ext cx="1588" cy="230188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avec flèche 16">
            <a:extLst>
              <a:ext uri="{FF2B5EF4-FFF2-40B4-BE49-F238E27FC236}">
                <a16:creationId xmlns:a16="http://schemas.microsoft.com/office/drawing/2014/main" id="{3A53BF66-3D91-324C-9330-A5EBDA8E9E23}"/>
              </a:ext>
            </a:extLst>
          </p:cNvPr>
          <p:cNvCxnSpPr>
            <a:cxnSpLocks/>
          </p:cNvCxnSpPr>
          <p:nvPr/>
        </p:nvCxnSpPr>
        <p:spPr>
          <a:xfrm flipH="1">
            <a:off x="3881438" y="3008314"/>
            <a:ext cx="2049462" cy="625475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172213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611EBA5-25C8-4125-BA18-F408A71526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800" dirty="0"/>
              <a:t>Cancer treatment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CD20067-4EFA-42C3-A9A4-8FE6C93DD3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2833" y="1005416"/>
            <a:ext cx="11959167" cy="764704"/>
          </a:xfrm>
        </p:spPr>
        <p:txBody>
          <a:bodyPr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en-GB" sz="2000" dirty="0">
                <a:effectLst/>
              </a:rPr>
              <a:t>Cancer remains a leading cause of death globally, accounting for over </a:t>
            </a:r>
            <a:r>
              <a:rPr lang="en-GB" sz="2000" b="1" dirty="0">
                <a:effectLst/>
              </a:rPr>
              <a:t>9.7 million deaths in 2022</a:t>
            </a:r>
            <a:r>
              <a:rPr lang="en-GB" sz="2000" dirty="0">
                <a:effectLst/>
              </a:rPr>
              <a:t> and a </a:t>
            </a:r>
            <a:r>
              <a:rPr lang="en-GB" altLang="en-US" sz="2000" dirty="0"/>
              <a:t>Cancer incidence world wide of 19,98 </a:t>
            </a:r>
            <a:r>
              <a:rPr lang="en-GB" sz="2000" dirty="0"/>
              <a:t>million per year</a:t>
            </a:r>
          </a:p>
        </p:txBody>
      </p:sp>
      <p:sp>
        <p:nvSpPr>
          <p:cNvPr id="9" name="Espace réservé du contenu 2">
            <a:extLst>
              <a:ext uri="{FF2B5EF4-FFF2-40B4-BE49-F238E27FC236}">
                <a16:creationId xmlns:a16="http://schemas.microsoft.com/office/drawing/2014/main" id="{78A64AF5-EDBB-4985-A153-B38920B3F057}"/>
              </a:ext>
            </a:extLst>
          </p:cNvPr>
          <p:cNvSpPr txBox="1">
            <a:spLocks/>
          </p:cNvSpPr>
          <p:nvPr/>
        </p:nvSpPr>
        <p:spPr bwMode="auto">
          <a:xfrm>
            <a:off x="260350" y="2120217"/>
            <a:ext cx="11942234" cy="35291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  <a:lvl6pPr marL="25146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r>
              <a:rPr kumimoji="1" lang="en-GB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ypical treatment strategy in cancerology </a:t>
            </a:r>
            <a:r>
              <a:rPr kumimoji="0" lang="en-GB" alt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is based on </a:t>
            </a:r>
            <a:r>
              <a:rPr kumimoji="0" lang="en-GB" altLang="en-US" sz="20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ombination of treatment modalities </a:t>
            </a:r>
            <a:r>
              <a:rPr kumimoji="0" lang="en-GB" alt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and depends on the </a:t>
            </a:r>
            <a:r>
              <a:rPr kumimoji="0" lang="en-GB" altLang="en-US" sz="20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haracteristics of the disease</a:t>
            </a:r>
            <a:r>
              <a:rPr kumimoji="1" lang="en-GB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altLang="en-US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FFCC00"/>
              </a:buClr>
              <a:buSzTx/>
              <a:buFont typeface="Monotype Sorts" pitchFamily="2" charset="2"/>
              <a:buNone/>
              <a:tabLst/>
              <a:defRPr/>
            </a:pPr>
            <a:endParaRPr kumimoji="1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2A1B439F-0654-4208-A1AB-B11BC6BADFD8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67389" y="3130471"/>
            <a:ext cx="7456188" cy="2171859"/>
          </a:xfrm>
          <a:prstGeom prst="rect">
            <a:avLst/>
          </a:prstGeom>
        </p:spPr>
      </p:pic>
      <p:sp>
        <p:nvSpPr>
          <p:cNvPr id="4" name="ZoneTexte 3">
            <a:extLst>
              <a:ext uri="{FF2B5EF4-FFF2-40B4-BE49-F238E27FC236}">
                <a16:creationId xmlns:a16="http://schemas.microsoft.com/office/drawing/2014/main" id="{65A1E350-2C53-4AA1-ADFA-A429869CD1C5}"/>
              </a:ext>
            </a:extLst>
          </p:cNvPr>
          <p:cNvSpPr txBox="1"/>
          <p:nvPr/>
        </p:nvSpPr>
        <p:spPr>
          <a:xfrm>
            <a:off x="8619711" y="4385734"/>
            <a:ext cx="2209800" cy="46166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Targeted therapies including  nuclear medicine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F6104AFB-147A-4820-8AB2-A7E5DB921998}"/>
              </a:ext>
            </a:extLst>
          </p:cNvPr>
          <p:cNvSpPr txBox="1"/>
          <p:nvPr/>
        </p:nvSpPr>
        <p:spPr>
          <a:xfrm>
            <a:off x="6969355" y="4385734"/>
            <a:ext cx="1650356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Chemotherapy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F0A3CBAA-B7DA-4833-942B-B50AD8DFDD75}"/>
              </a:ext>
            </a:extLst>
          </p:cNvPr>
          <p:cNvSpPr txBox="1"/>
          <p:nvPr/>
        </p:nvSpPr>
        <p:spPr>
          <a:xfrm>
            <a:off x="4164772" y="4385733"/>
            <a:ext cx="1107200" cy="46166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External radiotherapy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3243E86A-60A7-4F47-94F5-9BD9B40C4EC0}"/>
              </a:ext>
            </a:extLst>
          </p:cNvPr>
          <p:cNvSpPr txBox="1"/>
          <p:nvPr/>
        </p:nvSpPr>
        <p:spPr>
          <a:xfrm>
            <a:off x="2860906" y="4478065"/>
            <a:ext cx="1107200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Surgery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145695BA-0B70-49D4-93A4-0294C2F7839A}"/>
              </a:ext>
            </a:extLst>
          </p:cNvPr>
          <p:cNvSpPr txBox="1"/>
          <p:nvPr/>
        </p:nvSpPr>
        <p:spPr>
          <a:xfrm>
            <a:off x="5686334" y="4404093"/>
            <a:ext cx="1107200" cy="46166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Hormone therapy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724CB4FE-7213-4260-AB65-1D58B68B39FB}"/>
              </a:ext>
            </a:extLst>
          </p:cNvPr>
          <p:cNvSpPr txBox="1"/>
          <p:nvPr/>
        </p:nvSpPr>
        <p:spPr>
          <a:xfrm>
            <a:off x="6689633" y="4929631"/>
            <a:ext cx="2209800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SYSTEMIC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B17FC08F-0937-44BE-A428-FF2C3F25D0F8}"/>
              </a:ext>
            </a:extLst>
          </p:cNvPr>
          <p:cNvSpPr txBox="1"/>
          <p:nvPr/>
        </p:nvSpPr>
        <p:spPr>
          <a:xfrm>
            <a:off x="3062172" y="4917649"/>
            <a:ext cx="2209800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Local</a:t>
            </a:r>
          </a:p>
        </p:txBody>
      </p:sp>
      <p:pic>
        <p:nvPicPr>
          <p:cNvPr id="23" name="Image 22">
            <a:extLst>
              <a:ext uri="{FF2B5EF4-FFF2-40B4-BE49-F238E27FC236}">
                <a16:creationId xmlns:a16="http://schemas.microsoft.com/office/drawing/2014/main" id="{A5AEF957-7A94-405D-A4ED-1A581F6BB89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770128" y="5223360"/>
            <a:ext cx="857024" cy="1617706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9C78B876-4CA5-4E6F-B225-AAF8AAD14511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51218" y="5335371"/>
            <a:ext cx="686629" cy="1522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0911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Text Box 2"/>
          <p:cNvSpPr txBox="1">
            <a:spLocks noChangeArrowheads="1"/>
          </p:cNvSpPr>
          <p:nvPr/>
        </p:nvSpPr>
        <p:spPr bwMode="auto">
          <a:xfrm>
            <a:off x="137318" y="1311412"/>
            <a:ext cx="11902281" cy="16158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z"/>
              <a:defRPr kumimoji="1" sz="2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1pPr>
            <a:lvl2pPr marL="1085850" indent="-3429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y"/>
              <a:defRPr kumimoji="1" sz="20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Monotype Sorts" pitchFamily="2" charset="2"/>
              <a:buChar char="x"/>
              <a:defRPr kumimoji="1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3pPr>
            <a:lvl4pPr marL="1600200" indent="-228600">
              <a:spcBef>
                <a:spcPct val="20000"/>
              </a:spcBef>
              <a:buClr>
                <a:schemeClr val="accent2"/>
              </a:buClr>
              <a:buChar char="•"/>
              <a:defRPr kumimoji="1" sz="16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4pPr>
            <a:lvl5pPr marL="2057400" indent="-228600">
              <a:spcBef>
                <a:spcPct val="20000"/>
              </a:spcBef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Char char="–"/>
              <a:defRPr kumimoji="1" sz="1400">
                <a:solidFill>
                  <a:schemeClr val="tx1"/>
                </a:solidFill>
                <a:latin typeface="Times New Roman" pitchFamily="18" charset="0"/>
                <a:cs typeface="Times New Roman" pitchFamily="18" charset="0"/>
              </a:defRPr>
            </a:lvl9pPr>
          </a:lstStyle>
          <a:p>
            <a:pPr marL="1085850" marR="0" lvl="1" indent="-342900" algn="l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CC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Imaging and diagnosis 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(X-rays, γ-rays , β</a:t>
            </a:r>
            <a:r>
              <a:rPr kumimoji="0" lang="en-GB" altLang="en-US" sz="1800" b="0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+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 emitters)</a:t>
            </a:r>
          </a:p>
          <a:p>
            <a:pPr marL="1143000" marR="0" lvl="2" indent="-228600" algn="l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 </a:t>
            </a:r>
            <a:r>
              <a:rPr kumimoji="1" lang="en-GB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+mn-ea"/>
                <a:cs typeface="Times New Roman" pitchFamily="18" charset="0"/>
              </a:rPr>
              <a:t>(e.g., PET, SPECT)</a:t>
            </a:r>
            <a:endParaRPr kumimoji="0" lang="en-GB" alt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ＭＳ Ｐゴシック" pitchFamily="34" charset="-128"/>
              <a:cs typeface="Times New Roman" pitchFamily="18" charset="0"/>
            </a:endParaRPr>
          </a:p>
          <a:p>
            <a:pPr marL="1085850" marR="0" lvl="1" indent="-342900" algn="l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CC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Therapy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 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(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α particles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,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β</a:t>
            </a:r>
            <a:r>
              <a:rPr kumimoji="0" lang="en-GB" altLang="en-US" sz="1800" b="1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-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particles</a:t>
            </a:r>
            <a:r>
              <a:rPr kumimoji="0" lang="en-GB" altLang="en-US" sz="1800" b="0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 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,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Auger electrons)   </a:t>
            </a:r>
          </a:p>
          <a:p>
            <a:pPr marL="1143000" marR="0" lvl="2" indent="-228600" algn="l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ＭＳ Ｐゴシック" pitchFamily="34" charset="-128"/>
                <a:cs typeface="Times New Roman" pitchFamily="18" charset="0"/>
              </a:rPr>
              <a:t> </a:t>
            </a:r>
            <a:r>
              <a:rPr kumimoji="1" lang="en-GB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+mn-ea"/>
                <a:cs typeface="Times New Roman" pitchFamily="18" charset="0"/>
              </a:rPr>
              <a:t>Targeted Radionuclide Therapy (TRT)</a:t>
            </a:r>
            <a:endParaRPr kumimoji="0" lang="en-GB" altLang="en-US" sz="1800" b="1" i="0" u="none" strike="noStrike" kern="1200" cap="none" spc="0" normalizeH="0" baseline="0" noProof="0" dirty="0">
              <a:ln>
                <a:noFill/>
              </a:ln>
              <a:solidFill>
                <a:srgbClr val="996633"/>
              </a:solidFill>
              <a:effectLst/>
              <a:uLnTx/>
              <a:uFillTx/>
              <a:latin typeface="Times New Roman" pitchFamily="18" charset="0"/>
              <a:ea typeface="ＭＳ Ｐゴシック" pitchFamily="34" charset="-128"/>
              <a:cs typeface="Times New Roman" pitchFamily="18" charset="0"/>
            </a:endParaRPr>
          </a:p>
        </p:txBody>
      </p:sp>
      <p:sp>
        <p:nvSpPr>
          <p:cNvPr id="18436" name="Text Box 39"/>
          <p:cNvSpPr txBox="1">
            <a:spLocks noChangeArrowheads="1"/>
          </p:cNvSpPr>
          <p:nvPr/>
        </p:nvSpPr>
        <p:spPr bwMode="auto">
          <a:xfrm>
            <a:off x="1524000" y="71790"/>
            <a:ext cx="9144000" cy="5232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defPPr>
              <a:defRPr lang="fr-FR"/>
            </a:defPPr>
            <a:lvl1pPr marL="342900" indent="-342900" algn="ctr">
              <a:spcBef>
                <a:spcPct val="20000"/>
              </a:spcBef>
              <a:defRPr sz="2800">
                <a:solidFill>
                  <a:srgbClr val="008000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en-GB" altLang="fr-FR" sz="28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Nuclear Medicine </a:t>
            </a:r>
          </a:p>
        </p:txBody>
      </p:sp>
      <p:sp>
        <p:nvSpPr>
          <p:cNvPr id="2" name="Rectangle 1"/>
          <p:cNvSpPr/>
          <p:nvPr/>
        </p:nvSpPr>
        <p:spPr>
          <a:xfrm>
            <a:off x="147639" y="656517"/>
            <a:ext cx="912336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Ø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Nuclear medicine uses </a:t>
            </a: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open sources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(radionuclides)</a:t>
            </a:r>
            <a:endParaRPr kumimoji="0" lang="en-GB" altLang="en-US" sz="20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Ø"/>
              <a:tabLst/>
              <a:defRPr/>
            </a:pPr>
            <a:r>
              <a:rPr kumimoji="0" lang="en-GB" alt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Application</a:t>
            </a:r>
            <a:endParaRPr kumimoji="0" lang="en-GB" alt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284806" y="3690562"/>
            <a:ext cx="11622387" cy="7848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In some cases, the radionuclide can be used directly: I-131 for thyroid or Rb-82 for cardiology …</a:t>
            </a:r>
          </a:p>
          <a:p>
            <a:pPr marL="0" marR="0" lvl="0" indent="0" algn="just" defTabSz="4572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But, in most cases, 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a vector molecule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(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hemical molecules, peptides, antibodies … ) </a:t>
            </a: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is needed </a:t>
            </a:r>
            <a:r>
              <a:rPr kumimoji="0" lang="en-GB" alt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o target the cells of interest. </a:t>
            </a:r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03902" y="4526428"/>
            <a:ext cx="4116030" cy="22597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653DE978-C212-4730-BBD2-13AEDB3ACCB2}"/>
              </a:ext>
            </a:extLst>
          </p:cNvPr>
          <p:cNvSpPr/>
          <p:nvPr/>
        </p:nvSpPr>
        <p:spPr>
          <a:xfrm>
            <a:off x="147639" y="3204780"/>
            <a:ext cx="252075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Ø"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argeting Strateg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5134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Titre 1"/>
          <p:cNvSpPr>
            <a:spLocks noGrp="1"/>
          </p:cNvSpPr>
          <p:nvPr>
            <p:ph type="title"/>
          </p:nvPr>
        </p:nvSpPr>
        <p:spPr>
          <a:xfrm>
            <a:off x="3178971" y="0"/>
            <a:ext cx="5915025" cy="622697"/>
          </a:xfrm>
        </p:spPr>
        <p:txBody>
          <a:bodyPr/>
          <a:lstStyle/>
          <a:p>
            <a:pPr eaLnBrk="1" hangingPunct="1">
              <a:defRPr/>
            </a:pPr>
            <a:r>
              <a:rPr lang="en-GB" altLang="fr-FR" sz="2800" dirty="0"/>
              <a:t>We are all different</a:t>
            </a:r>
          </a:p>
        </p:txBody>
      </p:sp>
      <p:pic>
        <p:nvPicPr>
          <p:cNvPr id="45059" name="Picture 3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7221" y="770466"/>
            <a:ext cx="9137558" cy="2468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Rectangle 7"/>
          <p:cNvSpPr/>
          <p:nvPr/>
        </p:nvSpPr>
        <p:spPr>
          <a:xfrm>
            <a:off x="295837" y="3577167"/>
            <a:ext cx="9686363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F497D"/>
              </a:buClr>
              <a:buSzPct val="100000"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here is differences between patients: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F497D"/>
              </a:buClr>
              <a:buSzPct val="100000"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171450" marR="0" lvl="0" indent="-1714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Some are obvious :  age, gender, height, weight, …</a:t>
            </a:r>
          </a:p>
          <a:p>
            <a:pPr marL="171450" marR="0" lvl="0" indent="-1714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171450" marR="0" lvl="0" indent="-1714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Some others are more subtle as biological constants, or genetic characteristics, …</a:t>
            </a:r>
          </a:p>
        </p:txBody>
      </p:sp>
      <p:sp>
        <p:nvSpPr>
          <p:cNvPr id="5" name="ZoneTexte 4"/>
          <p:cNvSpPr txBox="1"/>
          <p:nvPr/>
        </p:nvSpPr>
        <p:spPr>
          <a:xfrm>
            <a:off x="4057146" y="5687424"/>
            <a:ext cx="4126130" cy="369332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non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here is a need to personalize treatment</a:t>
            </a:r>
          </a:p>
        </p:txBody>
      </p:sp>
    </p:spTree>
    <p:extLst>
      <p:ext uri="{BB962C8B-B14F-4D97-AF65-F5344CB8AC3E}">
        <p14:creationId xmlns:p14="http://schemas.microsoft.com/office/powerpoint/2010/main" val="165269484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94" name="Titre 1"/>
          <p:cNvSpPr>
            <a:spLocks noGrp="1"/>
          </p:cNvSpPr>
          <p:nvPr>
            <p:ph type="title"/>
          </p:nvPr>
        </p:nvSpPr>
        <p:spPr>
          <a:xfrm>
            <a:off x="1524000" y="6"/>
            <a:ext cx="9144000" cy="792163"/>
          </a:xfrm>
        </p:spPr>
        <p:txBody>
          <a:bodyPr>
            <a:normAutofit/>
          </a:bodyPr>
          <a:lstStyle/>
          <a:p>
            <a:pPr algn="ctr">
              <a:defRPr/>
            </a:pPr>
            <a:r>
              <a:rPr lang="en-US" sz="2800" dirty="0" err="1"/>
              <a:t>Theranostics</a:t>
            </a:r>
            <a:endParaRPr lang="en-US" sz="2800" dirty="0"/>
          </a:p>
        </p:txBody>
      </p:sp>
      <p:sp>
        <p:nvSpPr>
          <p:cNvPr id="2" name="Rectangle 1"/>
          <p:cNvSpPr/>
          <p:nvPr/>
        </p:nvSpPr>
        <p:spPr>
          <a:xfrm>
            <a:off x="160867" y="792168"/>
            <a:ext cx="11887199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It is a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reatment strategy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hat combines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hera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peutics with diag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nostics as for example using matched pairs of radionuclides (</a:t>
            </a:r>
            <a:r>
              <a:rPr kumimoji="0" lang="en-US" sz="1800" b="1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68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Ga/</a:t>
            </a:r>
            <a:r>
              <a:rPr kumimoji="0" lang="en-US" sz="1800" b="1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177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Lu, </a:t>
            </a:r>
            <a:r>
              <a:rPr kumimoji="0" lang="en-US" sz="1800" b="1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64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u/</a:t>
            </a:r>
            <a:r>
              <a:rPr kumimoji="0" lang="en-US" sz="1800" b="1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67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u,..)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.</a:t>
            </a:r>
          </a:p>
        </p:txBody>
      </p:sp>
      <p:sp>
        <p:nvSpPr>
          <p:cNvPr id="10" name="Rectangle 9"/>
          <p:cNvSpPr/>
          <p:nvPr/>
        </p:nvSpPr>
        <p:spPr>
          <a:xfrm>
            <a:off x="1689049" y="5788850"/>
            <a:ext cx="9145016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he Right Drug To The Right Patient For The Right Disease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At The Right Time With The Right Dosage</a:t>
            </a:r>
          </a:p>
        </p:txBody>
      </p:sp>
      <p:sp>
        <p:nvSpPr>
          <p:cNvPr id="11" name="Rectangle 1"/>
          <p:cNvSpPr>
            <a:spLocks noChangeArrowheads="1"/>
          </p:cNvSpPr>
          <p:nvPr/>
        </p:nvSpPr>
        <p:spPr bwMode="auto">
          <a:xfrm>
            <a:off x="1007534" y="2378047"/>
            <a:ext cx="5425234" cy="646331"/>
          </a:xfrm>
          <a:prstGeom prst="rect">
            <a:avLst/>
          </a:prstGeom>
          <a:noFill/>
          <a:ln w="9525">
            <a:noFill/>
            <a:prstDash val="dash"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228600" marR="0" lvl="0" indent="-228600" algn="l" defTabSz="457200" rtl="0" eaLnBrk="0" fontAlgn="auto" latinLnBrk="0" hangingPunct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Define the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biodistribution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of a therapeutic agent to anticipate its effect</a:t>
            </a:r>
          </a:p>
        </p:txBody>
      </p:sp>
      <p:sp>
        <p:nvSpPr>
          <p:cNvPr id="12" name="Rectangle 1"/>
          <p:cNvSpPr>
            <a:spLocks noChangeArrowheads="1"/>
          </p:cNvSpPr>
          <p:nvPr/>
        </p:nvSpPr>
        <p:spPr bwMode="auto">
          <a:xfrm>
            <a:off x="1007534" y="1638053"/>
            <a:ext cx="5425234" cy="369332"/>
          </a:xfrm>
          <a:prstGeom prst="rect">
            <a:avLst/>
          </a:prstGeom>
          <a:noFill/>
          <a:ln w="9525">
            <a:noFill/>
            <a:prstDash val="dash"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228600" marR="0" lvl="0" indent="-228600" algn="l" defTabSz="457200" rtl="0" eaLnBrk="0" fontAlgn="auto" latinLnBrk="0" hangingPunct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Localized lesions</a:t>
            </a:r>
          </a:p>
        </p:txBody>
      </p:sp>
      <p:sp>
        <p:nvSpPr>
          <p:cNvPr id="13" name="Rectangle 1"/>
          <p:cNvSpPr>
            <a:spLocks noChangeArrowheads="1"/>
          </p:cNvSpPr>
          <p:nvPr/>
        </p:nvSpPr>
        <p:spPr bwMode="auto">
          <a:xfrm>
            <a:off x="1007534" y="4473587"/>
            <a:ext cx="5425234" cy="369332"/>
          </a:xfrm>
          <a:prstGeom prst="rect">
            <a:avLst/>
          </a:prstGeom>
          <a:noFill/>
          <a:ln w="9525">
            <a:noFill/>
            <a:prstDash val="dash"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228600" marR="0" lvl="0" indent="-228600" algn="l" defTabSz="457200" rtl="0" eaLnBrk="0" fontAlgn="auto" latinLnBrk="0" hangingPunct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Calculate the optimal activity to be injected</a:t>
            </a:r>
          </a:p>
        </p:txBody>
      </p:sp>
      <p:sp>
        <p:nvSpPr>
          <p:cNvPr id="14" name="Rectangle 1"/>
          <p:cNvSpPr>
            <a:spLocks noChangeArrowheads="1"/>
          </p:cNvSpPr>
          <p:nvPr/>
        </p:nvSpPr>
        <p:spPr bwMode="auto">
          <a:xfrm>
            <a:off x="1007534" y="5213579"/>
            <a:ext cx="5425234" cy="369332"/>
          </a:xfrm>
          <a:prstGeom prst="rect">
            <a:avLst/>
          </a:prstGeom>
          <a:noFill/>
          <a:ln w="9525">
            <a:noFill/>
            <a:prstDash val="dash"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228600" marR="0" lvl="0" indent="-228600" algn="l" defTabSz="457200" rtl="0" eaLnBrk="0" fontAlgn="auto" latinLnBrk="0" hangingPunct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Evaluate the response after treatment</a:t>
            </a:r>
          </a:p>
        </p:txBody>
      </p:sp>
      <p:pic>
        <p:nvPicPr>
          <p:cNvPr id="15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35034" y="1808080"/>
            <a:ext cx="3992770" cy="376560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6" name="Rectangle 1"/>
          <p:cNvSpPr>
            <a:spLocks noChangeArrowheads="1"/>
          </p:cNvSpPr>
          <p:nvPr/>
        </p:nvSpPr>
        <p:spPr bwMode="auto">
          <a:xfrm>
            <a:off x="1007534" y="3425817"/>
            <a:ext cx="5425234" cy="646331"/>
          </a:xfrm>
          <a:prstGeom prst="rect">
            <a:avLst/>
          </a:prstGeom>
          <a:noFill/>
          <a:ln w="9525">
            <a:noFill/>
            <a:prstDash val="dash"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228600" marR="0" lvl="0" indent="-228600" algn="l" defTabSz="457200" rtl="0" eaLnBrk="0" fontAlgn="auto" latinLnBrk="0" hangingPunct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1F497D"/>
              </a:buClr>
              <a:buSzPct val="100000"/>
              <a:buFont typeface="Wingdings 2" pitchFamily="18" charset="2"/>
              <a:buChar char="¡"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Select patients which are expected to response to the therapeutic agent 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1F497D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482303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1" grpId="0"/>
      <p:bldP spid="12" grpId="0"/>
      <p:bldP spid="13" grpId="0"/>
      <p:bldP spid="14" grpId="0"/>
      <p:bldP spid="16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6">
            <a:extLst>
              <a:ext uri="{FF2B5EF4-FFF2-40B4-BE49-F238E27FC236}">
                <a16:creationId xmlns:a16="http://schemas.microsoft.com/office/drawing/2014/main" id="{664DA9D0-BC5A-4822-9EA5-2EEC36E481CE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10493" y="798039"/>
            <a:ext cx="6771014" cy="506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C13033F7-CF14-43D4-AD8F-3786DD887373}"/>
              </a:ext>
            </a:extLst>
          </p:cNvPr>
          <p:cNvSpPr txBox="1"/>
          <p:nvPr/>
        </p:nvSpPr>
        <p:spPr>
          <a:xfrm>
            <a:off x="4872421" y="5862908"/>
            <a:ext cx="2299284" cy="50783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non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35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Activity injected to patient: 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35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~few </a:t>
            </a:r>
            <a:r>
              <a:rPr kumimoji="0" lang="en-GB" sz="135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/>
                <a:ea typeface="+mn-ea"/>
                <a:cs typeface="+mn-cs"/>
              </a:rPr>
              <a:t>GBq</a:t>
            </a:r>
            <a:endParaRPr kumimoji="0" lang="en-GB" sz="135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ahoma"/>
              <a:ea typeface="+mn-ea"/>
              <a:cs typeface="+mn-cs"/>
            </a:endParaRPr>
          </a:p>
        </p:txBody>
      </p:sp>
      <p:sp>
        <p:nvSpPr>
          <p:cNvPr id="10" name="Rectangle 2">
            <a:extLst>
              <a:ext uri="{FF2B5EF4-FFF2-40B4-BE49-F238E27FC236}">
                <a16:creationId xmlns:a16="http://schemas.microsoft.com/office/drawing/2014/main" id="{63F64AA9-2D5E-4ED6-9308-EF7E06BF535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524648" y="-29049"/>
            <a:ext cx="9143353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54000" tIns="45720" rIns="54000" bIns="45720" numCol="1" anchor="ctr" anchorCtr="0" compatLnSpc="1">
            <a:prstTxWarp prst="textNoShape">
              <a:avLst/>
            </a:prstTxWarp>
          </a:bodyPr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lang="en-US" sz="3200" b="0">
                <a:solidFill>
                  <a:srgbClr val="0070C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sz="3200" b="1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sz="3200" b="1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sz="3200" b="1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kumimoji="1" sz="3200" b="1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defRPr>
            </a:lvl5pPr>
            <a:lvl6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umimoji="1" sz="2800" b="1">
                <a:solidFill>
                  <a:schemeClr val="tx2"/>
                </a:solidFill>
                <a:latin typeface="Arial Black" pitchFamily="34" charset="0"/>
              </a:defRPr>
            </a:lvl6pPr>
            <a:lvl7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umimoji="1" sz="2800" b="1">
                <a:solidFill>
                  <a:schemeClr val="tx2"/>
                </a:solidFill>
                <a:latin typeface="Arial Black" pitchFamily="34" charset="0"/>
              </a:defRPr>
            </a:lvl7pPr>
            <a:lvl8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umimoji="1" sz="2800" b="1">
                <a:solidFill>
                  <a:schemeClr val="tx2"/>
                </a:solidFill>
                <a:latin typeface="Arial Black" pitchFamily="34" charset="0"/>
              </a:defRPr>
            </a:lvl8pPr>
            <a:lvl9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umimoji="1" sz="2800" b="1">
                <a:solidFill>
                  <a:schemeClr val="tx2"/>
                </a:solidFill>
                <a:latin typeface="Arial Black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en-GB" altLang="fr-FR" sz="28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Targeted internal radiotherapy with </a:t>
            </a:r>
            <a:r>
              <a:rPr kumimoji="1" lang="el-GR" altLang="fr-FR" sz="28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β</a:t>
            </a:r>
            <a:r>
              <a:rPr kumimoji="1" lang="fr-FR" altLang="fr-FR" sz="28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 </a:t>
            </a:r>
            <a:r>
              <a:rPr kumimoji="1" lang="fr-FR" altLang="fr-FR" sz="2800" b="0" i="0" u="none" strike="noStrike" kern="1200" cap="none" spc="0" normalizeH="0" baseline="0" noProof="0" dirty="0" err="1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emitters</a:t>
            </a:r>
            <a:endParaRPr kumimoji="1" lang="en-GB" altLang="fr-FR" sz="2800" b="0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Times New Roman" panose="02020603050405020304" pitchFamily="18" charset="0"/>
              <a:ea typeface="+mj-ea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3808120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2C2BA13-D2C1-4E9E-9E94-C3D099E56C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6"/>
            <a:ext cx="10515600" cy="803012"/>
          </a:xfrm>
        </p:spPr>
        <p:txBody>
          <a:bodyPr/>
          <a:lstStyle/>
          <a:p>
            <a:pPr algn="ctr"/>
            <a:r>
              <a:rPr lang="en-GB" dirty="0"/>
              <a:t>Nuclear medicine at a glanc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8690359-FD7B-44A6-BE80-72BA6334EA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734" y="916973"/>
            <a:ext cx="11921067" cy="5284475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en-GB" sz="1800" b="1" dirty="0"/>
              <a:t>50 million</a:t>
            </a:r>
            <a:r>
              <a:rPr lang="en-GB" sz="1800" dirty="0"/>
              <a:t> nuclear medicine procedures performed annually</a:t>
            </a:r>
          </a:p>
          <a:p>
            <a:pPr marL="0" indent="0">
              <a:buNone/>
            </a:pPr>
            <a:r>
              <a:rPr lang="en-GB" sz="1800" dirty="0"/>
              <a:t>	→ </a:t>
            </a:r>
            <a:r>
              <a:rPr lang="en-GB" sz="1800" b="1" dirty="0"/>
              <a:t>90%</a:t>
            </a:r>
            <a:r>
              <a:rPr lang="en-GB" sz="1800" dirty="0"/>
              <a:t> for diagnostic purpose</a:t>
            </a:r>
          </a:p>
          <a:p>
            <a:pPr marL="0" indent="0">
              <a:buNone/>
            </a:pPr>
            <a:endParaRPr lang="en-GB" sz="1800" dirty="0"/>
          </a:p>
          <a:p>
            <a:pPr lvl="0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Ø"/>
            </a:pPr>
            <a:r>
              <a:rPr lang="en-GB" sz="1800" b="1" dirty="0"/>
              <a:t>Rapid evolution</a:t>
            </a:r>
            <a:r>
              <a:rPr lang="en-GB" sz="1800" dirty="0"/>
              <a:t> over the last 20 years:</a:t>
            </a:r>
          </a:p>
          <a:p>
            <a:pPr marL="0" lvl="0" indent="0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FontTx/>
              <a:buChar char="•"/>
            </a:pPr>
            <a:endParaRPr lang="en-GB" altLang="fr-FR" sz="1800" b="1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fr-FR" sz="1400" b="1" dirty="0">
                <a:latin typeface="Arial" panose="020B0604020202020204" pitchFamily="34" charset="0"/>
              </a:rPr>
              <a:t>2000s</a:t>
            </a:r>
            <a:r>
              <a:rPr lang="en-GB" altLang="fr-FR" sz="1400" dirty="0">
                <a:latin typeface="Arial" panose="020B0604020202020204" pitchFamily="34" charset="0"/>
              </a:rPr>
              <a:t>: FDG becomes gold standard for </a:t>
            </a:r>
            <a:r>
              <a:rPr lang="en-GB" altLang="fr-FR" sz="1400" b="1" dirty="0">
                <a:latin typeface="Arial" panose="020B0604020202020204" pitchFamily="34" charset="0"/>
              </a:rPr>
              <a:t>PET imaging</a:t>
            </a:r>
            <a:r>
              <a:rPr lang="en-GB" altLang="fr-FR" sz="1400" dirty="0">
                <a:latin typeface="Arial" panose="020B0604020202020204" pitchFamily="34" charset="0"/>
              </a:rPr>
              <a:t> in oncology</a:t>
            </a: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fr-FR" sz="1400" b="1" dirty="0">
                <a:latin typeface="Arial" panose="020B0604020202020204" pitchFamily="34" charset="0"/>
              </a:rPr>
              <a:t>2005</a:t>
            </a:r>
            <a:r>
              <a:rPr lang="en-GB" altLang="fr-FR" sz="1400" dirty="0">
                <a:latin typeface="Arial" panose="020B0604020202020204" pitchFamily="34" charset="0"/>
              </a:rPr>
              <a:t>: FDA approval of </a:t>
            </a:r>
            <a:r>
              <a:rPr lang="en-GB" altLang="fr-FR" sz="1400" b="1" dirty="0" err="1">
                <a:latin typeface="Arial" panose="020B0604020202020204" pitchFamily="34" charset="0"/>
              </a:rPr>
              <a:t>Zevalin</a:t>
            </a:r>
            <a:r>
              <a:rPr lang="en-GB" altLang="fr-FR" sz="1400" dirty="0">
                <a:latin typeface="Arial" panose="020B0604020202020204" pitchFamily="34" charset="0"/>
              </a:rPr>
              <a:t> (⁹⁰Y-ibritumomab) for hematologic cancers</a:t>
            </a: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fr-FR" sz="1400" b="1" dirty="0">
                <a:latin typeface="Arial" panose="020B0604020202020204" pitchFamily="34" charset="0"/>
              </a:rPr>
              <a:t>2013</a:t>
            </a:r>
            <a:r>
              <a:rPr lang="en-GB" altLang="fr-FR" sz="1400" dirty="0">
                <a:latin typeface="Arial" panose="020B0604020202020204" pitchFamily="34" charset="0"/>
              </a:rPr>
              <a:t>: FDA approval of first </a:t>
            </a:r>
            <a:r>
              <a:rPr lang="en-GB" altLang="fr-FR" sz="1400" b="1" dirty="0">
                <a:latin typeface="Arial" panose="020B0604020202020204" pitchFamily="34" charset="0"/>
              </a:rPr>
              <a:t>alpha therapy</a:t>
            </a:r>
            <a:r>
              <a:rPr lang="en-GB" altLang="fr-FR" sz="1400" dirty="0">
                <a:latin typeface="Arial" panose="020B0604020202020204" pitchFamily="34" charset="0"/>
              </a:rPr>
              <a:t> using </a:t>
            </a:r>
            <a:r>
              <a:rPr lang="en-GB" altLang="fr-FR" sz="1400" b="1" dirty="0">
                <a:latin typeface="Arial" panose="020B0604020202020204" pitchFamily="34" charset="0"/>
              </a:rPr>
              <a:t>²²³Ra</a:t>
            </a: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fr-FR" sz="1400" b="1" dirty="0">
                <a:latin typeface="Arial" panose="020B0604020202020204" pitchFamily="34" charset="0"/>
              </a:rPr>
              <a:t>2017</a:t>
            </a:r>
            <a:r>
              <a:rPr lang="en-GB" altLang="fr-FR" sz="1400" dirty="0">
                <a:latin typeface="Arial" panose="020B0604020202020204" pitchFamily="34" charset="0"/>
              </a:rPr>
              <a:t>: FDA approval of </a:t>
            </a:r>
            <a:r>
              <a:rPr lang="en-GB" altLang="fr-FR" sz="1400" b="1" dirty="0">
                <a:latin typeface="Arial" panose="020B0604020202020204" pitchFamily="34" charset="0"/>
              </a:rPr>
              <a:t>¹⁷⁷Lu-DOTATATE</a:t>
            </a:r>
            <a:r>
              <a:rPr lang="en-GB" altLang="fr-FR" sz="1400" dirty="0">
                <a:latin typeface="Arial" panose="020B0604020202020204" pitchFamily="34" charset="0"/>
              </a:rPr>
              <a:t> for neuroendocrine tumours</a:t>
            </a: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fr-FR" sz="1400" b="1" dirty="0">
                <a:latin typeface="Arial" panose="020B0604020202020204" pitchFamily="34" charset="0"/>
              </a:rPr>
              <a:t>2022</a:t>
            </a:r>
            <a:r>
              <a:rPr lang="en-GB" altLang="fr-FR" sz="1400" dirty="0">
                <a:latin typeface="Arial" panose="020B0604020202020204" pitchFamily="34" charset="0"/>
              </a:rPr>
              <a:t>: FDA approval of </a:t>
            </a:r>
            <a:r>
              <a:rPr lang="en-GB" altLang="fr-FR" sz="1400" b="1" dirty="0">
                <a:latin typeface="Arial" panose="020B0604020202020204" pitchFamily="34" charset="0"/>
              </a:rPr>
              <a:t>¹⁷⁷Lu-PSMA</a:t>
            </a:r>
            <a:r>
              <a:rPr lang="en-GB" altLang="fr-FR" sz="1400" dirty="0">
                <a:latin typeface="Arial" panose="020B0604020202020204" pitchFamily="34" charset="0"/>
              </a:rPr>
              <a:t> for metastatic prostate cancer</a:t>
            </a: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lvl="1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altLang="fr-FR" sz="1400" dirty="0">
              <a:latin typeface="Arial" panose="020B0604020202020204" pitchFamily="34" charset="0"/>
            </a:endParaRPr>
          </a:p>
          <a:p>
            <a:pPr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Ø"/>
            </a:pPr>
            <a:r>
              <a:rPr lang="en-GB" sz="1800" b="1" dirty="0"/>
              <a:t>Targeted radiotherapies</a:t>
            </a:r>
            <a:r>
              <a:rPr lang="en-GB" sz="1800" dirty="0"/>
              <a:t> now available</a:t>
            </a:r>
          </a:p>
          <a:p>
            <a:pPr marL="0" indent="0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</a:pPr>
            <a:br>
              <a:rPr lang="en-GB" sz="1800" dirty="0"/>
            </a:br>
            <a:r>
              <a:rPr lang="en-GB" sz="1800" dirty="0"/>
              <a:t>	→ Most </a:t>
            </a:r>
            <a:r>
              <a:rPr lang="en-GB" sz="1800" b="1" dirty="0"/>
              <a:t>pharmaceutical companies</a:t>
            </a:r>
            <a:r>
              <a:rPr lang="en-GB" sz="1800" dirty="0"/>
              <a:t> have launched </a:t>
            </a:r>
            <a:r>
              <a:rPr lang="en-GB" sz="1800" b="1" dirty="0"/>
              <a:t>nuclear medicine programs</a:t>
            </a:r>
            <a:endParaRPr lang="en-GB" altLang="fr-FR" sz="1800" dirty="0">
              <a:latin typeface="Arial" panose="020B0604020202020204" pitchFamily="34" charset="0"/>
            </a:endParaRPr>
          </a:p>
          <a:p>
            <a:pPr marL="0" lvl="0" indent="0"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FontTx/>
              <a:buChar char="•"/>
            </a:pPr>
            <a:endParaRPr lang="en-GB" sz="1800" dirty="0"/>
          </a:p>
          <a:p>
            <a:pPr marL="0" indent="0">
              <a:buNone/>
            </a:pPr>
            <a:endParaRPr lang="en-GB" sz="1800" dirty="0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5CDE8F51-A96A-408B-8FDA-F6A8A19E99D1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46211" y="1289506"/>
            <a:ext cx="5078055" cy="2773809"/>
          </a:xfrm>
          <a:prstGeom prst="rect">
            <a:avLst/>
          </a:prstGeom>
        </p:spPr>
      </p:pic>
      <p:pic>
        <p:nvPicPr>
          <p:cNvPr id="6" name="Image 5">
            <a:extLst>
              <a:ext uri="{FF2B5EF4-FFF2-40B4-BE49-F238E27FC236}">
                <a16:creationId xmlns:a16="http://schemas.microsoft.com/office/drawing/2014/main" id="{36596930-D94B-4A52-AD2A-2A8B943F8D6D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86435" y="4658351"/>
            <a:ext cx="3405565" cy="19156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97422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6" end="1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7" end="1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1.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2|0.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1.2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S0xMC0wMVQyMzo1OTo1OS45OTlaIiwiRW5kRGF0ZSI6IjIwMTctMDEtMTVUMjM6NTk6NTkuOTk5WiIsIkZvcm1hdCI6Ik1NIiwiVHlwZSI6NCwiQXV0b0RhdGVSYW5nZSI6dHJ1ZSwiV29ya2luZ0RheXMiOjMxLCJUb2RheU1hcmtlclRleHQiOiJUb2RheSIsIkF1dG9TY2FsZVR5cGUiOnRydWV9LCJNaWxlc3RvbmVzIjpbeyIkaWQiOiIxMjMiLCJEYXRlIjoiMTk4MC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lJhdGlvIjowLjAsIklzQ3VzdG9tIjpmYWxzZX0sIklkIjoiMjJiYTk2NjgtOTdhMy00NjU3LWFmYzEtNjlhZGU2MzlhN2ZiIiwiSW1wb3J0SWQiOm51bGwsIlRpdGxlIjoiRmlyc3QgTWlsZXN0b25lIG9yIEV2ZW50IEhlcmUiLCJOb3RlIjpudWxsLCJIeXBlcmxpbmsiOm51bGwsIklzQ2hhbmdlZCI6ZmFsc2UsIklzTmV3IjpmYWxzZX0seyIkaWQiOiIxNDEiLCJEYXRlIjoiMTk4NC0wNy0xNFQyMzo1OTo1OS45OTlaIiwiU3R5bGUiOnsiJGlkIjoiMTQyIiwiU2hhcGUiOjEwLCJDb25uZWN0b3JNYXJnaW4iOnsiJHJlZiI6IjU0In0sIkNvbm5lY3RvclN0eWxlIjp7IiRpZCI6IjE0MyIsIkxpbmVDb2xvciI6eyIkaWQiOiIxNDQiLCIkdHlwZSI6Ik5MUkUuQ29tbW9uLkRvbS5Tb2xpZENvbG9yQnJ1c2gsIE5MUkUuQ29tbW9uIiwiQ29sb3IiOnsiJGlkIjoiMTQ1IiwiQSI6ODksIlIiOjE2NiwiRyI6MTgzLCJCIjozOX19LCJMaW5lV2VpZ2h0IjoxLjAsIkxpbmVUeXBlIjowLCJQYXJlbnRTdHlsZSI6eyIkcmVmIjoiNTUifX0sIklzQmVsb3dUaW1lYmFuZCI6dHJ1ZSwiSGlkZURhdGUiOmZhbHNlLCJTaGFwZVNpemUiOjAsIlNwYWNpbmciOjIuMCwiUGFkZGluZyI6eyIkcmVmIjoiNTgifSwiU2hhcGVTdHlsZSI6eyIkaWQiOiIxNDYiLCJNYXJnaW4iOnsiJHJlZiI6IjYwIn0sIlBhZGRpbmciOnsiJHJlZiI6IjYxIn0sIkJhY2tncm91bmQiOnsiJGlkIjoiMTQ3IiwiQ29sb3IiOnsiJGlkIjoiMTQ4IiwiQSI6MjU1LCJSIjo4MywiRyI6OTIsIkIiOjE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pZCI6IjE1NiIsIkZvcm1hdFN0cmluZyI6Ik1NTU0gZCwgeXl5eSIsIlNlcGFyYXRvciI6Ii8iLCJVc2VJbnRlcm5hdGlvbmFsRGF0ZUZvcm1hdCI6ZmFsc2V9LCJJc1Zpc2libGUiOnRydWUsIlBhcmVudFN0eWxlIjp7IiRyZWYiOiI1MyJ9fSwiUG9zaXRpb24iOnsiUmF0aW8iOjAuMCwiSXNDdXN0b20iOmZhbHNlfSwiSWQiOiIxOGE1MjFkNi04ZGJmLTQwOGYtOTM1Ni0yYzA0MGNmN2E0YjEiLCJJbXBvcnRJZCI6bnVsbCwiVGl0bGUiOiJTZWNvbmQgTWlsZXN0b25lIG9yIEV2ZW50IEhlcmUiLCJOb3RlIjpudWxsLCJIeXBlcmxpbmsiOm51bGwsIklzQ2hhbmdlZCI6ZmFsc2UsIklzTmV3IjpmYWxzZX0seyIkaWQiOiIxNTciLCJEYXRlIjoiMTk4Ny0xMS0yMlQyMzo1OTo1OS45OTlaIiwiU3R5bGUiOnsiJGlkIjoiMTU4IiwiU2hhcGUiOjEyLCJDb25uZWN0b3JNYXJnaW4iOnsiJHJlZiI6IjU0In0sIkNvbm5lY3RvclN0eWxlIjp7IiRpZCI6IjE1OSIsIkxpbmVDb2xvciI6eyIkaWQiOiIxNjAiLCIkdHlwZSI6Ik5MUkUuQ29tbW9uLkRvbS5Tb2xpZENvbG9yQnJ1c2gsIE5MUkUuQ29tbW9uIiwiQ29sb3IiOnsiJGlkIjoiMTYxIiwiQSI6ODksIlIiOjY1LCJHIjoxMzgsIkIiOjE3OX19LCJMaW5lV2VpZ2h0IjoxLjAsIkxpbmVUeXBlIjowLCJQYXJlbnRTdHlsZSI6eyIkcmVmIjoiNTUifX0sIklzQmVsb3dUaW1lYmFuZCI6ZmFsc2UsIkhpZGVEYXRlIjpmYWxzZSwiU2hhcGVTaXplIjowLCJTcGFjaW5nIjoyLjAsIlBhZGRpbmciOnsiJHJlZiI6IjU4In0sIlNoYXBlU3R5bGUiOnsiJGlkIjoiMTYyIiwiTWFyZ2luIjp7IiRyZWYiOiI2MCJ9LCJQYWRkaW5nIjp7IiRyZWYiOiI2MSJ9LCJCYWNrZ3JvdW5kIjp7IiRpZCI6IjE2MyIsIkNvbG9yIjp7IiRpZCI6IjE2NCIsIkEiOjI1NSwiUiI6NjUsIkciOjEzOCwiQiI6MTc5fX0sIklzVmlzaWJsZSI6dHJ1ZSwiV2lkdGgiOjEyLjAsIkhlaWdodCI6MTQuMCwiQm9yZGVyU3R5bGUiOnsiJGlkIjoiMTY1IiwiTGluZUNvbG9yIjp7IiRyZWYiOiI2MyJ9LCJMaW5lV2VpZ2h0IjowLjAsIkxpbmVUeXBlIjowLCJQYXJlbnRTdHlsZSI6eyIkcmVmIjoiNjIifX0sIlBhcmVudFN0eWxlIjp7IiRyZWYiOiI1OSJ9fSwiVGl0bGVTdHlsZSI6eyIkaWQiOiIxNjYiLCJGb250U2V0dGluZ3MiOnsiJGlkIjoiMTY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EiLCJMaW5lQ29sb3IiOm51bGwsIkxpbmVXZWlnaHQiOjAuMCwiTGluZVR5cGUiOjAsIlBhcmVudFN0eWxlIjpudWxsfSwiUGFyZW50U3R5bGUiOnsiJHJlZiI6IjcyIn19LCJEYXRlRm9ybWF0Ijp7IiRpZCI6IjE3MiIsIkZvcm1hdFN0cmluZyI6Ik1NTU0gZCwgeXl5eSIsIlNlcGFyYXRvciI6Ii8iLCJVc2VJbnRlcm5hdGlvbmFsRGF0ZUZvcm1hdCI6ZmFsc2V9LCJJc1Zpc2libGUiOnRydWUsIlBhcmVudFN0eWxlIjp7IiRyZWYiOiI1MyJ9fSwiUG9zaXRpb24iOnsiUmF0aW8iOjAuMCwiSXNDdXN0b20iOmZhbHNlfSwiSWQiOiJmMzdkZmIzMy0xY2Y0LTQ5MDktYmZmMS04MDcwNGVhNTE5NDIiLCJJbXBvcnRJZCI6bnVsbCwiVGl0bGUiOiJUaGlyZCBNaWxlc3RvbmUgb3IgRXZlbnQgSGVyZSIsIk5vdGUiOm51bGwsIkh5cGVybGluayI6bnVsbCwiSXNDaGFuZ2VkIjpmYWxzZSwiSXNOZXciOmZhbHNlfSx7IiRpZCI6IjE3MyIsIkRhdGUiOiIxOTk2LTAzLTAxVDIzOjU5OjU5Ljk5OVoiLCJTdHlsZSI6eyIkaWQiOiIxNzQiLCJTaGFwZSI6MSwiQ29ubmVjdG9yTWFyZ2luIjp7IiRyZWYiOiI1NCJ9LCJDb25uZWN0b3JTdHlsZSI6eyIkaWQiOiIxNzUiLCJMaW5lQ29sb3IiOnsiJGlkIjoiMTc2IiwiJHR5cGUiOiJOTFJFLkNvbW1vbi5Eb20uU29saWRDb2xvckJydXNoLCBOTFJFLkNvbW1vbiIsIkNvbG9yIjp7IiRpZCI6IjE3NyIsIkEiOjg5LCJSIjoyNDYsIkciOjE0NiwiQiI6MH19LCJMaW5lV2VpZ2h0IjoxLjAsIkxpbmVUeXBlIjowLCJQYXJlbnRTdHlsZSI6eyIkcmVmIjoiNTUifX0sIklzQmVsb3dUaW1lYmFuZCI6dHJ1ZSwiSGlkZURhdGUiOmZhbHNlLCJTaGFwZVNpemUiOjEsIlNwYWNpbmciOjIuMCwiUGFkZGluZyI6eyIkcmVmIjoiNTgifSwiU2hhcGVTdHlsZSI6eyIkaWQiOiIxNzgiLCJNYXJnaW4iOnsiJHJlZiI6IjYwIn0sIlBhZGRpbmciOnsiJHJlZiI6IjYxIn0sIkJhY2tncm91bmQiOnsiJGlkIjoiMTc5IiwiQ29sb3IiOnsiJGlkIjoiMTgwIiwiQSI6MjU1LCJSIjoyNDYsIkciOjE0Ni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3IiwiTGluZUNvbG9yIjpudWxsLCJMaW5lV2VpZ2h0IjowLjAsIkxpbmVUeXBlIjowLCJQYXJlbnRTdHlsZSI6bnVsbH0sIlBhcmVudFN0eWxlIjp7IiRyZWYiOiI3MiJ9fSwiRGF0ZUZvcm1hdCI6eyIkaWQiOiIxODgiLCJGb3JtYXRTdHJpbmciOiJNTU1NIGQsIHl5eXkiLCJTZXBhcmF0b3IiOiIvIiwiVXNlSW50ZXJuYXRpb25hbERhdGVGb3JtYXQiOmZhbHNlfSwiSXNWaXNpYmxlIjp0cnVlLCJQYXJlbnRTdHlsZSI6eyIkcmVmIjoiNTMifX0sIlBvc2l0aW9uIjp7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g5IiwiRGF0ZSI6IjE5OTctMDQtMDFUMjM6NTk6NTkuOTk5WiIsIlN0eWxlIjp7IiRpZCI6IjE5MCIsIlNoYXBlIjo1LCJDb25uZWN0b3JNYXJnaW4iOnsiJHJlZiI6IjU0In0sIkNvbm5lY3RvclN0eWxlIjp7IiRpZCI6IjE5MSIsIkxpbmVDb2xvciI6eyIkaWQiOiIxOTIiLCIkdHlwZSI6Ik5MUkUuQ29tbW9uLkRvbS5Tb2xpZENvbG9yQnJ1c2gsIE5MUkUuQ29tbW9uIiwiQ29sb3IiOnsiJGlkIjoiMTkzIiwiQSI6ODksIlIiOjIyMywiRyI6ODMsIkIiOjM5fX0sIkxpbmVXZWlnaHQiOjEuMCwiTGluZVR5cGUiOjAsIlBhcmVudFN0eWxlIjp7IiRyZWYiOiI1NSJ9fSwiSXNCZWxvd1RpbWViYW5kIjpmYWxzZSwiSGlkZURhdGUiOmZhbHNlLCJTaGFwZVNpemUiOjAsIlNwYWNpbmciOjIuMCwiUGFkZGluZyI6eyIkcmVmIjoiNTgifSwiU2hhcGVTdHlsZSI6eyIkaWQiOiIxOTQiLCJNYXJnaW4iOnsiJHJlZiI6IjYwIn0sIlBhZGRpbmciOnsiJHJlZiI6IjYxIn0sIkJhY2tncm91bmQiOnsiJGlkIjoiMTk1IiwiQ29sb3IiOnsiJGlkIjoiMTk2IiwiQSI6MjU1LCJSIjoyMjMsIkciOjgzLCJCIjozOX19LCJJc1Zpc2libGUiOnRydWUsIldpZHRoIjoxMi4wLCJIZWlnaHQiOjE0LjAsIkJvcmRlclN0eWxlIjp7IiRpZCI6IjE5NyIsIkxpbmVDb2xvciI6eyIkcmVmIjoiNjMifSwiTGluZVdlaWdodCI6MC4wLCJMaW5lVHlwZSI6MCwiUGFyZW50U3R5bGUiOnsiJHJlZiI6IjYyIn19LCJQYXJlbnRTdHlsZSI6eyIkcmVmIjoiNTkifX0sIlRpdGxlU3R5bGUiOnsiJGlkIjoiMTk4IiwiRm9udFNldHRpbmdzIjp7IiRpZCI6IjE5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zIiwiTGluZUNvbG9yIjpudWxsLCJMaW5lV2VpZ2h0IjowLjAsIkxpbmVUeXBlIjowLCJQYXJlbnRTdHlsZSI6bnVsbH0sIlBhcmVudFN0eWxlIjp7IiRyZWYiOiI3MiJ9fSwiRGF0ZUZvcm1hdCI6eyIkaWQiOiIyMDQiLCJGb3JtYXRTdHJpbmciOiJNTU1NIGQsIHl5eXkiLCJTZXBhcmF0b3IiOiIvIiwiVXNlSW50ZXJuYXRpb25hbERhdGVGb3JtYXQiOmZhbHNlfSwiSXNWaXNpYmxlIjp0cnVlLCJQYXJlbnRTdHlsZSI6eyIkcmVmIjoiNTMifX0sIlBvc2l0aW9uIjp7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DUiLCJEYXRlIjoiMTk5OS0wNy0wMVQyMzo1OTo1OS45OTlaIiwiU3R5bGUiOnsiJGlkIjoiMjA2IiwiU2hhcGUiOjEsIkNvbm5lY3Rvck1hcmdpbiI6eyIkcmVmIjoiNTQifSwiQ29ubmVjdG9yU3R5bGUiOnsiJGlkIjoiMjA3IiwiTGluZUNvbG9yIjp7IiRpZCI6IjIwOCIsIiR0eXBlIjoiTkxSRS5Db21tb24uRG9tLlNvbGlkQ29sb3JCcnVzaCwgTkxSRS5Db21tb24iLCJDb2xvciI6eyIkaWQiOiIyMDkiLCJBIjo4OSwiUiI6MjU0LCJHIjoxOTUsIkIiOjZ9fSwiTGluZVdlaWdodCI6MS4wLCJMaW5lVHlwZSI6MCwiUGFyZW50U3R5bGUiOnsiJHJlZiI6IjU1In19LCJJc0JlbG93VGltZWJhbmQiOnRydWUsIkhpZGVEYXRlIjpmYWxzZSwiU2hhcGVTaXplIjoxLCJTcGFjaW5nIjoyLjAsIlBhZGRpbmciOnsiJHJlZiI6IjU4In0sIlNoYXBlU3R5bGUiOnsiJGlkIjoiMjEwIiwiTWFyZ2luIjp7IiRyZWYiOiI2MCJ9LCJQYWRkaW5nIjp7IiRyZWYiOiI2MSJ9LCJCYWNrZ3JvdW5kIjp7IiRpZCI6IjIxMSIsIkNvbG9yIjp7IiRpZCI6IjIxMiIsIkEiOjI1NSwiUiI6MjU0LCJHIjoxOTUsIkIiOjZ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SIsIkxpbmVDb2xvciI6bnVsbCwiTGluZVdlaWdodCI6MC4wLCJMaW5lVHlwZSI6MCwiUGFyZW50U3R5bGUiOm51bGx9LCJQYXJlbnRTdHlsZSI6eyIkcmVmIjoiNzIifX0sIkRhdGVGb3JtYXQiOnsiJGlkIjoiMjIwIiwiRm9ybWF0U3RyaW5nIjoiTU1NTSBkLCB5eXl5IiwiU2VwYXJhdG9yIjoiLyIsIlVzZUludGVybmF0aW9uYWxEYXRlRm9ybWF0IjpmYWxzZX0sIklzVmlzaWJsZSI6dHJ1ZSwiUGFyZW50U3R5bGUiOnsiJHJlZiI6IjUzIn19LCJQb3NpdGlvbiI6eyJSYXRpbyI6MC4wLCJJc0N1c3RvbSI6ZmFsc2V9LCJJZCI6IjNiZGVlOTI5LTkyOGEtNDdlYy04MmFiLTExNWFjN2Y3ZTY5MCIsIkltcG9ydElkIjpudWxsLCJUaXRsZSI6IlNpeHRoIE1pbGVzdG9uZSBvciBFdmVudCBIZXJlIiwiTm90ZSI6bnVsbCwiSHlwZXJsaW5rIjpudWxsLCJJc0NoYW5nZWQiOmZhbHNlLCJJc05ldyI6ZmFsc2V9LHsiJGlkIjoiMjIxIiwiRGF0ZSI6IjIwMDMtMDItMDFUMjM6NTk6NTkuOTk5WiIsIlN0eWxlIjp7IiRpZCI6IjIyMiIsIlNoYXBlIjoxMywiQ29ubmVjdG9yTWFyZ2luIjp7IiRyZWYiOiI1NCJ9LCJDb25uZWN0b3JTdHlsZSI6eyIkaWQiOiIyMjMiLCJMaW5lQ29sb3IiOnsiJGlkIjoiMjI0IiwiJHR5cGUiOiJOTFJFLkNvbW1vbi5Eb20uU29saWRDb2xvckJydXNoLCBOTFJFLkNvbW1vbiIsIkNvbG9yIjp7IiRpZCI6IjIyNSIsIkEiOjg5LCJSIjo5NCwiRyI6OTQsIkIiOjk0fX0sIkxpbmVXZWlnaHQiOjEuMCwiTGluZVR5cGUiOjAsIlBhcmVudFN0eWxlIjp7IiRyZWYiOiI1NSJ9fSwiSXNCZWxvd1RpbWViYW5kIjpmYWxzZSwiSGlkZURhdGUiOmZhbHNlLCJTaGFwZVNpemUiOjEsIlNwYWNpbmciOjIuMCwiUGFkZGluZyI6eyIkcmVmIjoiNTgifSwiU2hhcGVTdHlsZSI6eyIkaWQiOiIyMjYiLCJNYXJnaW4iOnsiJHJlZiI6IjYwIn0sIlBhZGRpbmciOnsiJHJlZiI6IjYxIn0sIkJhY2tncm91bmQiOnsiJGlkIjoiMjI3IiwiQ29sb3IiOnsiJGlkIjoiMjI4IiwiQSI6MjU1LCJSIjo5NCwiRyI6OTQsIkIiOjk0fX0sIklzVmlzaWJsZSI6dHJ1ZSwiV2lkdGgiOjE4LjAsIkhlaWdodCI6MjAuMCwiQm9yZGVyU3R5bGUiOnsiJGlkIjoiMjI5IiwiTGluZUNvbG9yIjp7IiRyZWYiOiI2MyJ9LCJMaW5lV2VpZ2h0IjowLjAsIkxpbmVUeXBlIjowLCJQYXJlbnRTdHlsZSI6eyIkcmVmIjoiNjIifX0sIlBhcmVudFN0eWxlIjp7IiRyZWYiOiI1OSJ9fSwiVGl0bGVTdHlsZSI6eyIkaWQiOiIyMzAiLCJGb250U2V0dGluZ3MiOnsiJGlkIjoiMjM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pZCI6IjIzNiIsIkZvcm1hdFN0cmluZyI6Ik1NTU0gZCwgeXl5eSIsIlNlcGFyYXRvciI6Ii8iLCJVc2VJbnRlcm5hdGlvbmFsRGF0ZUZvcm1hdCI6ZmFsc2V9LCJJc1Zpc2libGUiOnRydWUsIlBhcmVudFN0eWxlIjp7IiRyZWYiOiI1MyJ9fSwiUG9zaXRpb24iOnsiUmF0aW8iOjAuMCwiSXNDdXN0b20iOmZhbHNlfSwiSWQiOiJkNTA4YmM4ZS03YmRjLTQ3Y2ItYjlmNC1iMTc2YzMwM2JlNzQiLCJJbXBvcnRJZCI6bnVsbCwiVGl0bGUiOiJTZXZlbnRoIE1pbGVzdG9uZSBvciBFdmVudCBIZXJlIiwiTm90ZSI6bnVsbCwiSHlwZXJsaW5rIjpudWxsLCJJc0NoYW5nZWQiOmZhbHNlLCJJc05ldyI6ZmFsc2V9LHsiJGlkIjoiMjM3IiwiRGF0ZSI6IjIwMDYtMDYtMDFUMjM6NTk6NTkuOTk5WiIsIlN0eWxlIjp7IiRpZCI6IjIzOCIsIlNoYXBlIjo1LCJDb25uZWN0b3JNYXJnaW4iOnsiJHJlZiI6IjU0In0sIkNvbm5lY3RvclN0eWxlIjp7IiRpZCI6IjIzOSIsIkxpbmVDb2xvciI6eyIkaWQiOiIyNDAiLCIkdHlwZSI6Ik5MUkUuQ29tbW9uLkRvbS5Tb2xpZENvbG9yQnJ1c2gsIE5MUkUuQ29tbW9uIiwiQ29sb3IiOnsiJGlkIjoiMjQxIiwiQSI6ODksIlIiOjIyMywiRyI6ODMsIkIiOjM5fX0sIkxpbmVXZWlnaHQiOjEuMCwiTGluZVR5cGUiOjAsIlBhcmVudFN0eWxlIjp7IiRyZWYiOiI1NSJ9fSwiSXNCZWxvd1RpbWViYW5kIjp0cnVlLCJIaWRlRGF0ZSI6ZmFsc2UsIlNoYXBlU2l6ZSI6MCwiU3BhY2luZyI6Mi4wLCJQYWRkaW5nIjp7IiRyZWYiOiI1OCJ9LCJTaGFwZVN0eWxlIjp7IiRpZCI6IjI0MiIsIk1hcmdpbiI6eyIkcmVmIjoiNjAifSwiUGFkZGluZyI6eyIkcmVmIjoiNjEifSwiQmFja2dyb3VuZCI6eyIkaWQiOiIyNDMiLCJDb2xvciI6eyIkaWQiOiIyNDQiLCJBIjoyNTUsIlIiOjIyMywiRyI6ODMsIkIiOjM5fX0sIklzVmlzaWJsZSI6dHJ1ZSwiV2lkdGgiOjEyLjAsIkhlaWdodCI6MTQ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OCIsIkxpbmVDb2xvciI6bnVsbCwiTGluZVdlaWdodCI6MC4wLCJMaW5lVHlwZSI6MCwiUGFyZW50U3R5bGUiOm51bGx9LCJQYXJlbnRTdHlsZSI6eyIkcmVmIjoiNjUifX0sIkRhdGVTdHlsZSI6eyIkaWQiOiIyNDkiLCJGb250U2V0dGluZ3MiOnsiJGlkIjoiMjU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pZCI6IjI1MiIsIkZvcm1hdFN0cmluZyI6Ik1NTU0gZCwgeXl5eSIsIlNlcGFyYXRvciI6Ii8iLCJVc2VJbnRlcm5hdGlvbmFsRGF0ZUZvcm1hdCI6ZmFsc2V9LCJJc1Zpc2libGUiOnRydWUsIlBhcmVudFN0eWxlIjp7IiRyZWYiOiI1MyJ9fSwiUG9zaXRpb24iOnsiUmF0aW8iOjAuMCwiSXNDdXN0b20iOmZhbHNlfSwiSWQiOiIyZDIwZDdkYy1jOTRmLTRkZTItOTQ2ZS00MzczZDQ5NGYxMGIiLCJJbXBvcnRJZCI6bnVsbCwiVGl0bGUiOiJFaWdodCBNaWxlc3RvbmUgb3IgRXZlbnQgSGVyZSIsIk5vdGUiOm51bGwsIkh5cGVybGluayI6bnVsbCwiSXNDaGFuZ2VkIjpmYWxzZSwiSXNOZXciOmZhbHNlfSx7IiRpZCI6IjI1MyIsIkRhdGUiOiIyMDA5LTExLTA5VDIzOjU5OjU5Ljk5OVoiLCJTdHlsZSI6eyIkaWQiOiIyNTQiLCJTaGFwZSI6MTAsIkNvbm5lY3Rvck1hcmdpbiI6eyIkcmVmIjoiNTQifSwiQ29ubmVjdG9yU3R5bGUiOnsiJGlkIjoiMjU1IiwiTGluZUNvbG9yIjp7IiRpZCI6IjI1NiIsIiR0eXBlIjoiTkxSRS5Db21tb24uRG9tLlNvbGlkQ29sb3JCcnVzaCwgTkxSRS5Db21tb24iLCJDb2xvciI6eyIkaWQiOiIyNTciLCJBIjo4OSwiUiI6NjUsIkciOjEzOCwiQiI6MTc5fX0sIkxpbmVXZWlnaHQiOjEuMCwiTGluZVR5cGUiOjAsIlBhcmVudFN0eWxlIjp7IiRyZWYiOiI1NSJ9fSwiSXNCZWxvd1RpbWViYW5kIjpmYWxzZSwiSGlkZURhdGUiOmZhbHNlLCJTaGFwZVNpemUiOjAsIlNwYWNpbmciOjIuMCwiUGFkZGluZyI6eyIkcmVmIjoiNTgifSwiU2hhcGVTdHlsZSI6eyIkaWQiOiIyNTgiLCJNYXJnaW4iOnsiJHJlZiI6IjYwIn0sIlBhZGRpbmciOnsiJHJlZiI6IjYxIn0sIkJhY2tncm91bmQiOnsiJGlkIjoiMjU5IiwiQ29sb3IiOnsiJGlkIjoiMjYwIiwiQSI6MjU1LCJSIjo4MywiRyI6OTIsIkIiOjE5fX0sIklzVmlzaWJsZSI6dHJ1ZSwiV2lkdGgiOjEyLjAsIkhlaWdodCI6MTQuMCwiQm9yZGVyU3R5bGUiOnsiJGlkIjoiMjYxIiwiTGluZUNvbG9yIjp7IiRyZWYiOiI2MyJ9LCJMaW5lV2VpZ2h0IjowLjAsIkxpbmVUeXBlIjowLCJQYXJlbnRTdHlsZSI6eyIkcmVmIjoiNjIifX0sIlBhcmVudFN0eWxlIjp7IiRyZWYiOiI1OSJ9fSwiVGl0bGVTdHlsZSI6eyIkaWQiOiIyNjIiLCJGb250U2V0dGluZ3MiOnsiJGlkIjoiMjYz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pZCI6IjI2OCIsIkZvcm1hdFN0cmluZyI6Ik1NTU0gZCwgeXl5eSIsIlNlcGFyYXRvciI6Ii8iLCJVc2VJbnRlcm5hdGlvbmFsRGF0ZUZvcm1hdCI6ZmFsc2V9LCJJc1Zpc2libGUiOnRydWUsIlBhcmVudFN0eWxlIjp7IiRyZWYiOiI1MyJ9fSwiUG9zaXRpb24iOnsiUmF0aW8iOjAuMCwiSXNDdXN0b20iOmZhbHNlfSwiSWQiOiI3ODBiNWNjNS1lYzg1LTRlMzItYWM2YS02N2EzMGI3MTQxODUiLCJJbXBvcnRJZCI6bnVsbCwiVGl0bGUiOiJOaW50aCBNaWxlc3RvbmUgb3IgRXZlbnQgSGVyZSIsIk5vdGUiOm51bGwsIkh5cGVybGluayI6bnVsbCwiSXNDaGFuZ2VkIjpmYWxzZSwiSXNOZXciOmZhbHNlfSx7IiRpZCI6IjI2OSIsIkRhdGUiOiIyMDEzLTAyLTA0VDIzOjU5OjU5Ljk5OVoiLCJTdHlsZSI6eyIkaWQiOiIyNzAiLCJTaGFwZSI6MTIsIkNvbm5lY3Rvck1hcmdpbiI6eyIkcmVmIjoiNTQifSwiQ29ubmVjdG9yU3R5bGUiOnsiJGlkIjoiMjcxIiwiTGluZUNvbG9yIjp7IiRpZCI6IjI3MiIsIiR0eXBlIjoiTkxSRS5Db21tb24uRG9tLlNvbGlkQ29sb3JCcnVzaCwgTkxSRS5Db21tb24iLCJDb2xvciI6eyIkaWQiOiIyNzMiLCJBIjo4OSwiUiI6NjUsIkciOjEzOCwiQiI6MTc5fX0sIkxpbmVXZWlnaHQiOjEuMCwiTGluZVR5cGUiOjAsIlBhcmVudFN0eWxlIjp7IiRyZWYiOiI1NSJ9fSwiSXNCZWxvd1RpbWViYW5kIjp0cnVlLCJIaWRlRGF0ZSI6ZmFsc2UsIlNoYXBlU2l6ZSI6MCwiU3BhY2luZyI6Mi4wLCJQYWRkaW5nIjp7IiRyZWYiOiI1OCJ9LCJTaGFwZVN0eWxlIjp7IiRpZCI6IjI3NCIsIk1hcmdpbiI6eyIkcmVmIjoiNjAifSwiUGFkZGluZyI6eyIkcmVmIjoiNjEifSwiQmFja2dyb3VuZCI6eyIkaWQiOiIyNzUiLCJDb2xvciI6eyIkaWQiOiIyNzYiLCJBIjoyNTUsIlIiOjY1LCJHIjoxMzgsIkIiOjE3OX19LCJJc1Zpc2libGUiOnRydWUsIldpZHRoIjoxMi4wLCJIZWlnaHQiOjE0LjAsIkJvcmRlclN0eWxlIjp7IiRpZCI6IjI3NyIsIkxpbmVDb2xvciI6eyIkcmVmIjoiNjMifSwiTGluZVdlaWdodCI6MC4wLCJMaW5lVHlwZSI6MCwiUGFyZW50U3R5bGUiOnsiJHJlZiI6IjYyIn19LCJQYXJlbnRTdHlsZSI6eyIkcmVmIjoiNTkifX0sIlRpdGxlU3R5bGUiOnsiJGlkIjoiMjc4IiwiRm9udFNldHRpbmdzIjp7IiRpZCI6IjI3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zIiwiTGluZUNvbG9yIjpudWxsLCJMaW5lV2VpZ2h0IjowLjAsIkxpbmVUeXBlIjowLCJQYXJlbnRTdHlsZSI6bnVsbH0sIlBhcmVudFN0eWxlIjp7IiRyZWYiOiI3MiJ9fSwiRGF0ZUZvcm1hdCI6eyIkaWQiOiIyODQiLCJGb3JtYXRTdHJpbmciOiJNTU1NIGQsIHl5eXkiLCJTZXBhcmF0b3IiOiIvIiwiVXNlSW50ZXJuYXRpb25hbERhdGVGb3JtYXQiOmZhbHNlfSwiSXNWaXNpYmxlIjp0cnVlLCJQYXJlbnRTdHlsZSI6eyIkcmVmIjoiNTMifX0sIlBvc2l0aW9uIjp7IlJhdGlvIjowLjAsIklzQ3VzdG9tIjpmYWxzZX0sIklkIjoiNTMxMTM0YzItZTA4Mi00NDc5LWExM2MtZmI3ZTZlYWViMzBjIiwiSW1wb3J0SWQiOm51bGwsIlRpdGxlIjoiVGVudGggTWlsZXN0b25lIG9yIEV2ZW50IEhlcmUiLCJOb3RlIjpudWxsLCJIeXBlcmxpbmsiOm51bGwsIklzQ2hhbmdlZCI6ZmFsc2UsIklzTmV3IjpmYWxzZX0seyIkaWQiOiIyODUiLCJEYXRlIjoiMjAxNy0wMS0xN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4OSwiUiI6MjQ2LCJHIjoxNDYsIkIiOjB9fSwiTGluZVdlaWdodCI6MS4wLCJMaW5lVHlwZSI6MCwiUGFyZW50U3R5bGUiOnsiJHJlZiI6IjU1In19LCJJc0JlbG93VGltZWJhbmQiOmZhbHNlLCJIaWRlRGF0ZSI6ZmFsc2UsIlNoYXBlU2l6ZSI6MSwiU3BhY2luZyI6Mi4wLCJQYWRkaW5nIjp7IiRyZWYiOiI1OCJ9LCJTaGFwZVN0eWxlIjp7IiRpZCI6IjI5MCIsIk1hcmdpbiI6eyIkcmVmIjoiNjAifSwiUGFkZGluZyI6eyIkcmVmIjoiNjEifSwiQmFja2dyb3VuZCI6eyIkaWQiOiIyOTEiLCJDb2xvciI6eyIkaWQiOiIyOTIiLCJBIjoyNTUsIlIiOjI0NiwiRyI6MTQ2LCJCIjowfX0sIklzVmlzaWJsZSI6dHJ1ZSwiV2lkdGgiOjE4LjAsIkhlaWdodCI6MjA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yLCJGb250TmFtZSI6IkFyaWFsIiwiSXNCb2xkIjpmYWxzZSwiSXNJdGFsaWMiOmZhbHNlLCJJc1VuZGVybGluZWQiOmZhbHNlLCJQYXJlbnRTdHlsZSI6eyIkcmVmIjoiNjYifX0sIkF1dG9TaXplIjowLCJGb3JlZ3JvdW5kIjp7IiRpZCI6IjI5NiIsIkNvbG9yIjp7IiRpZCI6IjI5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giLCJMaW5lQ29sb3IiOm51bGwsIkxpbmVXZWlnaHQiOjAuMCwiTGluZVR5cGUiOjAsIlBhcmVudFN0eWxlIjpudWxsfSwiUGFyZW50U3R5bGUiOnsiJHJlZiI6IjY1In19LCJEYXRlU3R5bGUiOnsiJGlkIjoiMjk5IiwiRm9udFNldHRpbmdzIjp7IiRpZCI6IjMw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xIiwiTGluZUNvbG9yIjpudWxsLCJMaW5lV2VpZ2h0IjowLjAsIkxpbmVUeXBlIjowLCJQYXJlbnRTdHlsZSI6bnVsbH0sIlBhcmVudFN0eWxlIjp7IiRyZWYiOiI3MiJ9fSwiRGF0ZUZvcm1hdCI6eyIkaWQiOiIzMDIiLCJGb3JtYXRTdHJpbmciOiJNTU1NIGQsIHl5eXkiLCJTZXBhcmF0b3IiOiIvIiwiVXNlSW50ZXJuYXRpb25hbERhdGVGb3JtYXQiOmZhbHNlfSwiSXNWaXNpYmxlIjp0cnVlLCJQYXJlbnRTdHlsZSI6eyIkcmVmIjoiNTMifX0sIlBvc2l0aW9uIjp7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Thème 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Thème 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ontemporain blanc">
  <a:themeElements>
    <a:clrScheme name="Contemporain blanc 2">
      <a:dk1>
        <a:srgbClr val="000000"/>
      </a:dk1>
      <a:lt1>
        <a:srgbClr val="FFFFFF"/>
      </a:lt1>
      <a:dk2>
        <a:srgbClr val="000000"/>
      </a:dk2>
      <a:lt2>
        <a:srgbClr val="5E574E"/>
      </a:lt2>
      <a:accent1>
        <a:srgbClr val="FF6600"/>
      </a:accent1>
      <a:accent2>
        <a:srgbClr val="FFCC00"/>
      </a:accent2>
      <a:accent3>
        <a:srgbClr val="FFFFFF"/>
      </a:accent3>
      <a:accent4>
        <a:srgbClr val="000000"/>
      </a:accent4>
      <a:accent5>
        <a:srgbClr val="FFB8AA"/>
      </a:accent5>
      <a:accent6>
        <a:srgbClr val="E7B900"/>
      </a:accent6>
      <a:hlink>
        <a:srgbClr val="996633"/>
      </a:hlink>
      <a:folHlink>
        <a:srgbClr val="808000"/>
      </a:folHlink>
    </a:clrScheme>
    <a:fontScheme name="Contemporain blanc">
      <a:majorFont>
        <a:latin typeface="Arial Black"/>
        <a:ea typeface=""/>
        <a:cs typeface=""/>
      </a:majorFont>
      <a:minorFont>
        <a:latin typeface="Tahom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Times New Roman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Times New Roman" pitchFamily="18" charset="0"/>
          </a:defRPr>
        </a:defPPr>
      </a:lstStyle>
    </a:lnDef>
  </a:objectDefaults>
  <a:extraClrSchemeLst>
    <a:extraClrScheme>
      <a:clrScheme name="Contemporain blanc 1">
        <a:dk1>
          <a:srgbClr val="5E574E"/>
        </a:dk1>
        <a:lt1>
          <a:srgbClr val="FFFFCC"/>
        </a:lt1>
        <a:dk2>
          <a:srgbClr val="000000"/>
        </a:dk2>
        <a:lt2>
          <a:srgbClr val="FFCC00"/>
        </a:lt2>
        <a:accent1>
          <a:srgbClr val="CC9900"/>
        </a:accent1>
        <a:accent2>
          <a:srgbClr val="FF6600"/>
        </a:accent2>
        <a:accent3>
          <a:srgbClr val="AAAAAA"/>
        </a:accent3>
        <a:accent4>
          <a:srgbClr val="DADAAE"/>
        </a:accent4>
        <a:accent5>
          <a:srgbClr val="E2CAAA"/>
        </a:accent5>
        <a:accent6>
          <a:srgbClr val="E75C00"/>
        </a:accent6>
        <a:hlink>
          <a:srgbClr val="FF00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ntemporain blanc 2">
        <a:dk1>
          <a:srgbClr val="000000"/>
        </a:dk1>
        <a:lt1>
          <a:srgbClr val="FFFFFF"/>
        </a:lt1>
        <a:dk2>
          <a:srgbClr val="000000"/>
        </a:dk2>
        <a:lt2>
          <a:srgbClr val="5E574E"/>
        </a:lt2>
        <a:accent1>
          <a:srgbClr val="FF6600"/>
        </a:accent1>
        <a:accent2>
          <a:srgbClr val="FFCC00"/>
        </a:accent2>
        <a:accent3>
          <a:srgbClr val="FFFFFF"/>
        </a:accent3>
        <a:accent4>
          <a:srgbClr val="000000"/>
        </a:accent4>
        <a:accent5>
          <a:srgbClr val="FFB8AA"/>
        </a:accent5>
        <a:accent6>
          <a:srgbClr val="E7B900"/>
        </a:accent6>
        <a:hlink>
          <a:srgbClr val="996633"/>
        </a:hlink>
        <a:folHlink>
          <a:srgbClr val="8080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ntemporain blanc 3">
        <a:dk1>
          <a:srgbClr val="000000"/>
        </a:dk1>
        <a:lt1>
          <a:srgbClr val="FFFFFF"/>
        </a:lt1>
        <a:dk2>
          <a:srgbClr val="000000"/>
        </a:dk2>
        <a:lt2>
          <a:srgbClr val="393939"/>
        </a:lt2>
        <a:accent1>
          <a:srgbClr val="CBCBCB"/>
        </a:accent1>
        <a:accent2>
          <a:srgbClr val="868686"/>
        </a:accent2>
        <a:accent3>
          <a:srgbClr val="FFFFFF"/>
        </a:accent3>
        <a:accent4>
          <a:srgbClr val="000000"/>
        </a:accent4>
        <a:accent5>
          <a:srgbClr val="E2E2E2"/>
        </a:accent5>
        <a:accent6>
          <a:srgbClr val="797979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ntemporain blanc 4">
        <a:dk1>
          <a:srgbClr val="000000"/>
        </a:dk1>
        <a:lt1>
          <a:srgbClr val="FFFFFF"/>
        </a:lt1>
        <a:dk2>
          <a:srgbClr val="800000"/>
        </a:dk2>
        <a:lt2>
          <a:srgbClr val="5E574E"/>
        </a:lt2>
        <a:accent1>
          <a:srgbClr val="FF6600"/>
        </a:accent1>
        <a:accent2>
          <a:srgbClr val="FFCC00"/>
        </a:accent2>
        <a:accent3>
          <a:srgbClr val="FFFFFF"/>
        </a:accent3>
        <a:accent4>
          <a:srgbClr val="000000"/>
        </a:accent4>
        <a:accent5>
          <a:srgbClr val="FFB8AA"/>
        </a:accent5>
        <a:accent6>
          <a:srgbClr val="E7B900"/>
        </a:accent6>
        <a:hlink>
          <a:srgbClr val="FF0000"/>
        </a:hlink>
        <a:folHlink>
          <a:srgbClr val="FFFFC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ntemporain blanc 5">
        <a:dk1>
          <a:srgbClr val="000066"/>
        </a:dk1>
        <a:lt1>
          <a:srgbClr val="FFFFFF"/>
        </a:lt1>
        <a:dk2>
          <a:srgbClr val="0000FF"/>
        </a:dk2>
        <a:lt2>
          <a:srgbClr val="000000"/>
        </a:lt2>
        <a:accent1>
          <a:srgbClr val="0066FF"/>
        </a:accent1>
        <a:accent2>
          <a:srgbClr val="33CCCC"/>
        </a:accent2>
        <a:accent3>
          <a:srgbClr val="FFFFFF"/>
        </a:accent3>
        <a:accent4>
          <a:srgbClr val="000056"/>
        </a:accent4>
        <a:accent5>
          <a:srgbClr val="AAB8FF"/>
        </a:accent5>
        <a:accent6>
          <a:srgbClr val="2DB9B9"/>
        </a:accent6>
        <a:hlink>
          <a:srgbClr val="FF00FF"/>
        </a:hlink>
        <a:folHlink>
          <a:srgbClr val="9933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ntemporain blanc 6">
        <a:dk1>
          <a:srgbClr val="000000"/>
        </a:dk1>
        <a:lt1>
          <a:srgbClr val="FFFFFF"/>
        </a:lt1>
        <a:dk2>
          <a:srgbClr val="000066"/>
        </a:dk2>
        <a:lt2>
          <a:srgbClr val="FFCC00"/>
        </a:lt2>
        <a:accent1>
          <a:srgbClr val="0066FF"/>
        </a:accent1>
        <a:accent2>
          <a:srgbClr val="33CCCC"/>
        </a:accent2>
        <a:accent3>
          <a:srgbClr val="AAAAB8"/>
        </a:accent3>
        <a:accent4>
          <a:srgbClr val="DADADA"/>
        </a:accent4>
        <a:accent5>
          <a:srgbClr val="AAB8FF"/>
        </a:accent5>
        <a:accent6>
          <a:srgbClr val="2DB9B9"/>
        </a:accent6>
        <a:hlink>
          <a:srgbClr val="FF00FF"/>
        </a:hlink>
        <a:folHlink>
          <a:srgbClr val="9933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ntemporain blanc 7">
        <a:dk1>
          <a:srgbClr val="5E574E"/>
        </a:dk1>
        <a:lt1>
          <a:srgbClr val="FFFFCC"/>
        </a:lt1>
        <a:dk2>
          <a:srgbClr val="800000"/>
        </a:dk2>
        <a:lt2>
          <a:srgbClr val="FFCC00"/>
        </a:lt2>
        <a:accent1>
          <a:srgbClr val="CC9900"/>
        </a:accent1>
        <a:accent2>
          <a:srgbClr val="FF6600"/>
        </a:accent2>
        <a:accent3>
          <a:srgbClr val="C0AAAA"/>
        </a:accent3>
        <a:accent4>
          <a:srgbClr val="DADAAE"/>
        </a:accent4>
        <a:accent5>
          <a:srgbClr val="E2CAAA"/>
        </a:accent5>
        <a:accent6>
          <a:srgbClr val="E75C00"/>
        </a:accent6>
        <a:hlink>
          <a:srgbClr val="FF00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984</TotalTime>
  <Words>1608</Words>
  <Application>Microsoft Office PowerPoint</Application>
  <PresentationFormat>Grand écran</PresentationFormat>
  <Paragraphs>299</Paragraphs>
  <Slides>20</Slides>
  <Notes>7</Notes>
  <HiddenSlides>0</HiddenSlides>
  <MMClips>0</MMClips>
  <ScaleCrop>false</ScaleCrop>
  <HeadingPairs>
    <vt:vector size="6" baseType="variant">
      <vt:variant>
        <vt:lpstr>Polices utilisées</vt:lpstr>
      </vt:variant>
      <vt:variant>
        <vt:i4>12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20</vt:i4>
      </vt:variant>
    </vt:vector>
  </HeadingPairs>
  <TitlesOfParts>
    <vt:vector size="34" baseType="lpstr">
      <vt:lpstr>Arial</vt:lpstr>
      <vt:lpstr>Arial Black</vt:lpstr>
      <vt:lpstr>Bahnschrift SemiCondensed</vt:lpstr>
      <vt:lpstr>Calibri</vt:lpstr>
      <vt:lpstr>Calibri Light</vt:lpstr>
      <vt:lpstr>Helvetica</vt:lpstr>
      <vt:lpstr>Monotype Sorts</vt:lpstr>
      <vt:lpstr>Tahoma</vt:lpstr>
      <vt:lpstr>Times</vt:lpstr>
      <vt:lpstr>Times New Roman</vt:lpstr>
      <vt:lpstr>Wingdings</vt:lpstr>
      <vt:lpstr>Wingdings 2</vt:lpstr>
      <vt:lpstr>Thème Office</vt:lpstr>
      <vt:lpstr>Contemporain blanc</vt:lpstr>
      <vt:lpstr>ARRONAX: Accelerator for Research in Radiochemistry and Oncology at Nantes AtlantiX  F. Haddad Prof. Nantes Université GIP Arronax / Subatech </vt:lpstr>
      <vt:lpstr>Présentation PowerPoint</vt:lpstr>
      <vt:lpstr>Présentation PowerPoint</vt:lpstr>
      <vt:lpstr>Cancer treatment</vt:lpstr>
      <vt:lpstr>Présentation PowerPoint</vt:lpstr>
      <vt:lpstr>We are all different</vt:lpstr>
      <vt:lpstr>Theranostics</vt:lpstr>
      <vt:lpstr>Présentation PowerPoint</vt:lpstr>
      <vt:lpstr>Nuclear medicine at a glance</vt:lpstr>
      <vt:lpstr>Présentation PowerPoint</vt:lpstr>
      <vt:lpstr>Présentation PowerPoint</vt:lpstr>
      <vt:lpstr>ARRONAX Facility</vt:lpstr>
      <vt:lpstr>ARRONAX beam characteristics</vt:lpstr>
      <vt:lpstr>How to acces variable alpha energies?</vt:lpstr>
      <vt:lpstr>Présentation PowerPoint</vt:lpstr>
      <vt:lpstr>The experimental vault AX @ Arronax</vt:lpstr>
      <vt:lpstr>Présentation PowerPoint</vt:lpstr>
      <vt:lpstr>Conclusions</vt:lpstr>
      <vt:lpstr>The GIP Arronax evolution in ti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ilippo Gander</dc:creator>
  <cp:lastModifiedBy>haddad</cp:lastModifiedBy>
  <cp:revision>155</cp:revision>
  <dcterms:created xsi:type="dcterms:W3CDTF">2021-08-26T11:30:26Z</dcterms:created>
  <dcterms:modified xsi:type="dcterms:W3CDTF">2025-12-16T12:09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D">
    <vt:lpwstr>91079409</vt:lpwstr>
  </property>
  <property fmtid="{D5CDD505-2E9C-101B-9397-08002B2CF9AE}" pid="3" name="Name">
    <vt:lpwstr>PRISMAP_Template Convener and Institute Studies.pptx</vt:lpwstr>
  </property>
  <property fmtid="{D5CDD505-2E9C-101B-9397-08002B2CF9AE}" pid="4" name="CreateDate">
    <vt:filetime>2025-03-11T15:56:46Z</vt:filetime>
  </property>
  <property fmtid="{D5CDD505-2E9C-101B-9397-08002B2CF9AE}" pid="5" name="Common Attributes_Reference Number">
    <vt:lpwstr>SCK CEN/91079409</vt:lpwstr>
  </property>
  <property fmtid="{D5CDD505-2E9C-101B-9397-08002B2CF9AE}" pid="6" name="Common Attributes_Short Reference">
    <vt:lpwstr>SCK CEN/91079409</vt:lpwstr>
  </property>
  <property fmtid="{D5CDD505-2E9C-101B-9397-08002B2CF9AE}" pid="7" name="Common Attributes_Alternative Reference">
    <vt:lpwstr> </vt:lpwstr>
  </property>
  <property fmtid="{D5CDD505-2E9C-101B-9397-08002B2CF9AE}" pid="8" name="Common Attributes_Document Type">
    <vt:lpwstr> </vt:lpwstr>
  </property>
  <property fmtid="{D5CDD505-2E9C-101B-9397-08002B2CF9AE}" pid="9" name="Common Attributes_Author_Author Name">
    <vt:lpwstr>Lucia Popescu</vt:lpwstr>
  </property>
  <property fmtid="{D5CDD505-2E9C-101B-9397-08002B2CF9AE}" pid="10" name="Common Attributes_Author_Author Affiliation">
    <vt:lpwstr>SCK CEN</vt:lpwstr>
  </property>
  <property fmtid="{D5CDD505-2E9C-101B-9397-08002B2CF9AE}" pid="11" name="Common Attributes_Information Security Classification">
    <vt:lpwstr> </vt:lpwstr>
  </property>
  <property fmtid="{D5CDD505-2E9C-101B-9397-08002B2CF9AE}" pid="12" name="Common Attributes_ISC Motivation">
    <vt:lpwstr> </vt:lpwstr>
  </property>
  <property fmtid="{D5CDD505-2E9C-101B-9397-08002B2CF9AE}" pid="13" name="SuppMarkings">
    <vt:lpwstr> </vt:lpwstr>
  </property>
  <property fmtid="{D5CDD505-2E9C-101B-9397-08002B2CF9AE}" pid="14" name="Security Clearance">
    <vt:lpwstr> </vt:lpwstr>
  </property>
  <property fmtid="{D5CDD505-2E9C-101B-9397-08002B2CF9AE}" pid="15" name="HyperLink">
    <vt:lpwstr>https://ecm.sckcen.be/OTCS/llisapi.dll/open/91079409</vt:lpwstr>
  </property>
</Properties>
</file>